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725"/>
  <workbookPr/>
  <mc:AlternateContent xmlns:mc="http://schemas.openxmlformats.org/markup-compatibility/2006">
    <mc:Choice Requires="x15">
      <x15ac:absPath xmlns:x15ac="http://schemas.microsoft.com/office/spreadsheetml/2010/11/ac" url="\\VMV3FS1.joho.local\プロファイル$\i0002769\デスクトップ\"/>
    </mc:Choice>
  </mc:AlternateContent>
  <xr:revisionPtr revIDLastSave="0" documentId="13_ncr:1_{8D35CCB1-FE51-467A-82C9-1A7A19599DED}" xr6:coauthVersionLast="47" xr6:coauthVersionMax="47" xr10:uidLastSave="{00000000-0000-0000-0000-000000000000}"/>
  <bookViews>
    <workbookView xWindow="-108" yWindow="-108" windowWidth="23256" windowHeight="12456" xr2:uid="{00000000-000D-0000-FFFF-FFFF00000000}"/>
  </bookViews>
  <sheets>
    <sheet name="Sheet1"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V45" i="1" l="1"/>
  <c r="V46" i="1"/>
  <c r="V44" i="1"/>
  <c r="V43" i="1"/>
  <c r="V42" i="1"/>
  <c r="V41" i="1"/>
  <c r="V40" i="1"/>
  <c r="V39" i="1"/>
  <c r="V38" i="1"/>
  <c r="V37" i="1"/>
  <c r="V36" i="1"/>
  <c r="V35" i="1"/>
  <c r="V34" i="1"/>
  <c r="V33" i="1"/>
  <c r="V32" i="1"/>
  <c r="V31" i="1"/>
  <c r="V30" i="1"/>
  <c r="V29" i="1"/>
  <c r="V28" i="1"/>
  <c r="V27" i="1"/>
  <c r="V26" i="1"/>
  <c r="V25" i="1"/>
  <c r="V24" i="1"/>
  <c r="V23" i="1"/>
  <c r="M20" i="1"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越智菜月</author>
  </authors>
  <commentList>
    <comment ref="P10" authorId="0" shapeId="0" xr:uid="{00000000-0006-0000-0000-000001000000}">
      <text>
        <r>
          <rPr>
            <sz val="11"/>
            <color theme="1"/>
            <rFont val="游ゴシック"/>
            <family val="3"/>
            <charset val="128"/>
          </rPr>
          <t>医）〇〇会　〇〇病院
〇〇〇クリニック　　等</t>
        </r>
      </text>
    </comment>
    <comment ref="P11" authorId="0" shapeId="0" xr:uid="{00000000-0006-0000-0000-000002000000}">
      <text>
        <r>
          <rPr>
            <sz val="11"/>
            <color theme="1"/>
            <rFont val="游ゴシック"/>
            <family val="3"/>
            <charset val="128"/>
          </rPr>
          <t>役職</t>
        </r>
      </text>
    </comment>
  </commentList>
</comments>
</file>

<file path=xl/sharedStrings.xml><?xml version="1.0" encoding="utf-8"?>
<sst xmlns="http://schemas.openxmlformats.org/spreadsheetml/2006/main" count="213" uniqueCount="71">
  <si>
    <t>農協</t>
    <rPh sb="0" eb="2">
      <t>ノウキョウ</t>
    </rPh>
    <phoneticPr fontId="1"/>
  </si>
  <si>
    <t>ＢＣＧ</t>
  </si>
  <si>
    <t>麻しん第１期　</t>
    <rPh sb="0" eb="1">
      <t>マ</t>
    </rPh>
    <rPh sb="3" eb="4">
      <t>ダイ</t>
    </rPh>
    <rPh sb="5" eb="6">
      <t>キ</t>
    </rPh>
    <phoneticPr fontId="1"/>
  </si>
  <si>
    <t>日</t>
    <rPh sb="0" eb="1">
      <t>ヒ</t>
    </rPh>
    <phoneticPr fontId="1"/>
  </si>
  <si>
    <t>麻しん第２期　</t>
    <rPh sb="0" eb="1">
      <t>マ</t>
    </rPh>
    <rPh sb="3" eb="4">
      <t>ダイ</t>
    </rPh>
    <rPh sb="5" eb="6">
      <t>キ</t>
    </rPh>
    <phoneticPr fontId="1"/>
  </si>
  <si>
    <t>本店</t>
    <rPh sb="0" eb="2">
      <t>ホンテン</t>
    </rPh>
    <phoneticPr fontId="1"/>
  </si>
  <si>
    <t>年</t>
    <rPh sb="0" eb="1">
      <t>ネン</t>
    </rPh>
    <phoneticPr fontId="1"/>
  </si>
  <si>
    <t>金</t>
    <rPh sb="0" eb="1">
      <t>キン</t>
    </rPh>
    <phoneticPr fontId="1"/>
  </si>
  <si>
    <t>電話番号</t>
    <rPh sb="0" eb="4">
      <t>デンワバンゴウ</t>
    </rPh>
    <phoneticPr fontId="1"/>
  </si>
  <si>
    <t>日本脳炎第２期</t>
  </si>
  <si>
    <t>支店</t>
    <rPh sb="0" eb="2">
      <t>シテン</t>
    </rPh>
    <phoneticPr fontId="1"/>
  </si>
  <si>
    <t>院長</t>
    <rPh sb="0" eb="2">
      <t>インチョウ</t>
    </rPh>
    <phoneticPr fontId="1"/>
  </si>
  <si>
    <t>麻しん風しん第１期</t>
    <rPh sb="0" eb="1">
      <t>マ</t>
    </rPh>
    <rPh sb="3" eb="4">
      <t>フウ</t>
    </rPh>
    <rPh sb="6" eb="7">
      <t>ダイ</t>
    </rPh>
    <rPh sb="8" eb="9">
      <t>キ</t>
    </rPh>
    <phoneticPr fontId="1"/>
  </si>
  <si>
    <t>氏名</t>
    <rPh sb="0" eb="2">
      <t>シメイ</t>
    </rPh>
    <phoneticPr fontId="1"/>
  </si>
  <si>
    <t>月</t>
    <rPh sb="0" eb="1">
      <t>ツキ</t>
    </rPh>
    <phoneticPr fontId="1"/>
  </si>
  <si>
    <t>令和</t>
    <rPh sb="0" eb="1">
      <t>レイ</t>
    </rPh>
    <rPh sb="1" eb="2">
      <t>ワ</t>
    </rPh>
    <phoneticPr fontId="1"/>
  </si>
  <si>
    <t>五種混合　第１期</t>
    <rPh sb="0" eb="4">
      <t>ゴシュコンゴウ</t>
    </rPh>
    <rPh sb="5" eb="6">
      <t>ダイ</t>
    </rPh>
    <rPh sb="7" eb="8">
      <t>キ</t>
    </rPh>
    <phoneticPr fontId="1"/>
  </si>
  <si>
    <t>口座</t>
    <rPh sb="0" eb="2">
      <t>コウザ</t>
    </rPh>
    <phoneticPr fontId="1"/>
  </si>
  <si>
    <t>請求金額</t>
  </si>
  <si>
    <t>口座
名義人
カナ</t>
    <rPh sb="0" eb="2">
      <t>コウザ</t>
    </rPh>
    <rPh sb="3" eb="6">
      <t>メイギニン</t>
    </rPh>
    <phoneticPr fontId="1"/>
  </si>
  <si>
    <t>番号</t>
    <rPh sb="0" eb="2">
      <t>バンゴウ</t>
    </rPh>
    <phoneticPr fontId="1"/>
  </si>
  <si>
    <t>円</t>
    <rPh sb="0" eb="1">
      <t>エン</t>
    </rPh>
    <phoneticPr fontId="1"/>
  </si>
  <si>
    <t>信用金庫</t>
    <rPh sb="0" eb="4">
      <t>シンヨウキンコ</t>
    </rPh>
    <phoneticPr fontId="1"/>
  </si>
  <si>
    <t>ポリオ　第１期</t>
  </si>
  <si>
    <t>当座</t>
    <rPh sb="0" eb="2">
      <t>トウザ</t>
    </rPh>
    <phoneticPr fontId="1"/>
  </si>
  <si>
    <t>件</t>
    <rPh sb="0" eb="1">
      <t>ケン</t>
    </rPh>
    <phoneticPr fontId="1"/>
  </si>
  <si>
    <t>支所</t>
    <rPh sb="0" eb="2">
      <t>シショ</t>
    </rPh>
    <phoneticPr fontId="1"/>
  </si>
  <si>
    <t>銀行</t>
    <rPh sb="0" eb="2">
      <t>ギンコウ</t>
    </rPh>
    <phoneticPr fontId="1"/>
  </si>
  <si>
    <t>漁協</t>
    <rPh sb="0" eb="2">
      <t>ギョキョウ</t>
    </rPh>
    <phoneticPr fontId="1"/>
  </si>
  <si>
    <t>職(担当)</t>
    <rPh sb="0" eb="1">
      <t>ショク</t>
    </rPh>
    <rPh sb="2" eb="4">
      <t>タントウ</t>
    </rPh>
    <phoneticPr fontId="1"/>
  </si>
  <si>
    <t>【内訳書】（消費税10％込）　　『予防接種法に基づく定期の予防接種』</t>
    <rPh sb="1" eb="4">
      <t>ウチワケショ</t>
    </rPh>
    <phoneticPr fontId="1"/>
  </si>
  <si>
    <t>振込指定</t>
    <rPh sb="0" eb="4">
      <t>フリコミシテイ</t>
    </rPh>
    <phoneticPr fontId="1"/>
  </si>
  <si>
    <t>種別</t>
    <rPh sb="0" eb="2">
      <t>シュベツ</t>
    </rPh>
    <phoneticPr fontId="1"/>
  </si>
  <si>
    <t>出張所</t>
    <rPh sb="0" eb="3">
      <t>シュッチョウショ</t>
    </rPh>
    <phoneticPr fontId="1"/>
  </si>
  <si>
    <t>Ｂ型肝炎　</t>
  </si>
  <si>
    <t>普通</t>
    <rPh sb="0" eb="2">
      <t>フツウ</t>
    </rPh>
    <phoneticPr fontId="1"/>
  </si>
  <si>
    <r>
      <t>※</t>
    </r>
    <r>
      <rPr>
        <sz val="7"/>
        <color theme="1"/>
        <rFont val="ＭＳ 明朝"/>
        <family val="1"/>
        <charset val="128"/>
      </rPr>
      <t>  </t>
    </r>
    <r>
      <rPr>
        <sz val="7"/>
        <color theme="1"/>
        <rFont val="Times New Roman"/>
      </rPr>
      <t xml:space="preserve"> </t>
    </r>
    <r>
      <rPr>
        <sz val="10"/>
        <color theme="1"/>
        <rFont val="ＭＳ 明朝"/>
        <family val="1"/>
        <charset val="128"/>
      </rPr>
      <t>初めて請求を行う際には、各市町が定める口座振替申込書兼債権者登録票を添付してください。
　　（様式等詳細については、各市町の担当までお問合せください。）
※ フリガナは必ず記入してください。
※ 請求代表者と口座名義人が異なる場合は、委任状が必要です。（様式等詳細については、各市町の担当まで
　お問合せください。）</t>
    </r>
  </si>
  <si>
    <t>二種混合　第２期</t>
    <rPh sb="0" eb="1">
      <t>ニ</t>
    </rPh>
    <rPh sb="1" eb="2">
      <t>シュ</t>
    </rPh>
    <rPh sb="2" eb="4">
      <t>コンゴウ</t>
    </rPh>
    <rPh sb="5" eb="6">
      <t>ダイ</t>
    </rPh>
    <rPh sb="7" eb="8">
      <t>キ</t>
    </rPh>
    <phoneticPr fontId="1"/>
  </si>
  <si>
    <t>担当者</t>
    <rPh sb="0" eb="3">
      <t>タントウシャ</t>
    </rPh>
    <phoneticPr fontId="1"/>
  </si>
  <si>
    <t>理事長</t>
    <rPh sb="0" eb="3">
      <t>リジチョウ</t>
    </rPh>
    <phoneticPr fontId="1"/>
  </si>
  <si>
    <t>代表</t>
    <rPh sb="0" eb="2">
      <t>ダイヒョウ</t>
    </rPh>
    <phoneticPr fontId="1"/>
  </si>
  <si>
    <t>三種混合　第１期</t>
  </si>
  <si>
    <t>日本脳炎第１期（特例）</t>
    <rPh sb="8" eb="10">
      <t>トクレイ</t>
    </rPh>
    <phoneticPr fontId="1"/>
  </si>
  <si>
    <t>内容下記内訳のとおり</t>
    <rPh sb="0" eb="6">
      <t>ナイヨウカキウチワケ</t>
    </rPh>
    <phoneticPr fontId="1"/>
  </si>
  <si>
    <t>別紙１</t>
    <rPh sb="0" eb="2">
      <t>ベッシ</t>
    </rPh>
    <phoneticPr fontId="1"/>
  </si>
  <si>
    <t>麻しん風しん第２期</t>
    <rPh sb="0" eb="1">
      <t>マ</t>
    </rPh>
    <rPh sb="3" eb="4">
      <t>フウ</t>
    </rPh>
    <rPh sb="6" eb="7">
      <t>ダイ</t>
    </rPh>
    <rPh sb="8" eb="9">
      <t>キ</t>
    </rPh>
    <phoneticPr fontId="1"/>
  </si>
  <si>
    <t>月分予防接種委託料を別紙報告書を添えて、次のとおり</t>
  </si>
  <si>
    <t>予防接種委託料請求書</t>
    <rPh sb="0" eb="10">
      <t>ヨボウセッシュイタクリョウセイキュウショ</t>
    </rPh>
    <phoneticPr fontId="1"/>
  </si>
  <si>
    <t>（宛先）今治市長</t>
    <rPh sb="1" eb="3">
      <t>アテサキ</t>
    </rPh>
    <phoneticPr fontId="1"/>
  </si>
  <si>
    <t>金融機関</t>
    <rPh sb="0" eb="4">
      <t>キンユウキカン</t>
    </rPh>
    <phoneticPr fontId="1"/>
  </si>
  <si>
    <t>所在地</t>
    <rPh sb="0" eb="3">
      <t>ショザイチ</t>
    </rPh>
    <phoneticPr fontId="1"/>
  </si>
  <si>
    <t>名称</t>
    <rPh sb="0" eb="2">
      <t>メイショウ</t>
    </rPh>
    <phoneticPr fontId="1"/>
  </si>
  <si>
    <t>医療機関　</t>
  </si>
  <si>
    <t>風しん第２期</t>
  </si>
  <si>
    <t>＝</t>
  </si>
  <si>
    <t>風しん第１期</t>
  </si>
  <si>
    <t>請求します。</t>
    <rPh sb="0" eb="2">
      <t>セイキュウ</t>
    </rPh>
    <phoneticPr fontId="1"/>
  </si>
  <si>
    <t>預金</t>
    <rPh sb="0" eb="2">
      <t>ヨキン</t>
    </rPh>
    <phoneticPr fontId="1"/>
  </si>
  <si>
    <t>×</t>
  </si>
  <si>
    <t>＠</t>
  </si>
  <si>
    <t>日本脳炎第１期</t>
  </si>
  <si>
    <t>ヒブ</t>
  </si>
  <si>
    <t>ＨＰＶ（９価）</t>
  </si>
  <si>
    <t>水痘</t>
  </si>
  <si>
    <t>ロタ（１価）</t>
  </si>
  <si>
    <t>ロタ（５価）</t>
  </si>
  <si>
    <t>予診のみ</t>
  </si>
  <si>
    <t>小児用肺炎球菌（15価）</t>
    <phoneticPr fontId="1"/>
  </si>
  <si>
    <t>小児用肺炎球菌（20価）</t>
    <phoneticPr fontId="1"/>
  </si>
  <si>
    <t>ＲＳ（母子免疫ワクチン）</t>
    <rPh sb="3" eb="5">
      <t>ボシ</t>
    </rPh>
    <rPh sb="5" eb="7">
      <t>メンエキ</t>
    </rPh>
    <phoneticPr fontId="1"/>
  </si>
  <si>
    <t>　令和８年度　</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5" x14ac:knownFonts="1">
    <font>
      <sz val="11"/>
      <color theme="1"/>
      <name val="游ゴシック"/>
      <family val="3"/>
      <scheme val="minor"/>
    </font>
    <font>
      <sz val="6"/>
      <name val="游ゴシック"/>
      <family val="3"/>
    </font>
    <font>
      <sz val="11"/>
      <color theme="1"/>
      <name val="ＭＳ 明朝"/>
      <family val="1"/>
    </font>
    <font>
      <sz val="12"/>
      <color theme="1"/>
      <name val="ＭＳ 明朝"/>
      <family val="1"/>
    </font>
    <font>
      <sz val="10"/>
      <color theme="1"/>
      <name val="游ゴシック"/>
      <family val="3"/>
      <scheme val="minor"/>
    </font>
    <font>
      <sz val="12"/>
      <color rgb="FF000000"/>
      <name val="ＭＳ 明朝"/>
      <family val="1"/>
    </font>
    <font>
      <sz val="11"/>
      <color rgb="FF000000"/>
      <name val="ＭＳ 明朝"/>
      <family val="1"/>
    </font>
    <font>
      <sz val="10"/>
      <color theme="1"/>
      <name val="ＭＳ 明朝"/>
      <family val="1"/>
    </font>
    <font>
      <sz val="14"/>
      <color rgb="FF000000"/>
      <name val="ＭＳ 明朝"/>
      <family val="1"/>
    </font>
    <font>
      <sz val="11"/>
      <color theme="1"/>
      <name val="游ゴシック"/>
      <family val="3"/>
      <scheme val="minor"/>
    </font>
    <font>
      <sz val="14"/>
      <color theme="1"/>
      <name val="ＭＳ 明朝"/>
      <family val="1"/>
    </font>
    <font>
      <sz val="7"/>
      <color theme="1"/>
      <name val="ＭＳ 明朝"/>
      <family val="1"/>
      <charset val="128"/>
    </font>
    <font>
      <sz val="7"/>
      <color theme="1"/>
      <name val="Times New Roman"/>
    </font>
    <font>
      <sz val="10"/>
      <color theme="1"/>
      <name val="ＭＳ 明朝"/>
      <family val="1"/>
      <charset val="128"/>
    </font>
    <font>
      <sz val="11"/>
      <color theme="1"/>
      <name val="游ゴシック"/>
      <family val="3"/>
      <charset val="128"/>
    </font>
  </fonts>
  <fills count="2">
    <fill>
      <patternFill patternType="none"/>
    </fill>
    <fill>
      <patternFill patternType="gray125"/>
    </fill>
  </fills>
  <borders count="22">
    <border>
      <left/>
      <right/>
      <top/>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right/>
      <top style="thin">
        <color indexed="64"/>
      </top>
      <bottom/>
      <diagonal/>
    </border>
    <border>
      <left/>
      <right/>
      <top/>
      <bottom style="thin">
        <color indexed="64"/>
      </bottom>
      <diagonal/>
    </border>
    <border>
      <left/>
      <right/>
      <top/>
      <bottom style="dotted">
        <color auto="1"/>
      </bottom>
      <diagonal/>
    </border>
    <border>
      <left/>
      <right/>
      <top style="dotted">
        <color auto="1"/>
      </top>
      <bottom style="dotted">
        <color auto="1"/>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right/>
      <top style="medium">
        <color indexed="64"/>
      </top>
      <bottom/>
      <diagonal/>
    </border>
    <border>
      <left/>
      <right/>
      <top/>
      <bottom style="medium">
        <color indexed="64"/>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bottom/>
      <diagonal/>
    </border>
    <border>
      <left/>
      <right style="medium">
        <color indexed="64"/>
      </right>
      <top style="medium">
        <color indexed="64"/>
      </top>
      <bottom/>
      <diagonal/>
    </border>
    <border>
      <left/>
      <right style="medium">
        <color indexed="64"/>
      </right>
      <top/>
      <bottom/>
      <diagonal/>
    </border>
    <border>
      <left/>
      <right style="medium">
        <color indexed="64"/>
      </right>
      <top/>
      <bottom style="medium">
        <color indexed="64"/>
      </bottom>
      <diagonal/>
    </border>
  </borders>
  <cellStyleXfs count="2">
    <xf numFmtId="0" fontId="0" fillId="0" borderId="0">
      <alignment vertical="center"/>
    </xf>
    <xf numFmtId="38" fontId="9" fillId="0" borderId="0" applyFont="0" applyFill="0" applyBorder="0" applyAlignment="0" applyProtection="0">
      <alignment vertical="center"/>
    </xf>
  </cellStyleXfs>
  <cellXfs count="110">
    <xf numFmtId="0" fontId="0" fillId="0" borderId="0" xfId="0">
      <alignment vertical="center"/>
    </xf>
    <xf numFmtId="0" fontId="2" fillId="0" borderId="0" xfId="0" applyFont="1">
      <alignment vertical="center"/>
    </xf>
    <xf numFmtId="0" fontId="0" fillId="0" borderId="0" xfId="0" applyProtection="1">
      <alignment vertical="center"/>
      <protection locked="0"/>
    </xf>
    <xf numFmtId="0" fontId="3" fillId="0" borderId="0" xfId="0" applyFont="1">
      <alignment vertical="center"/>
    </xf>
    <xf numFmtId="0" fontId="3" fillId="0" borderId="0" xfId="0" applyFont="1" applyAlignment="1">
      <alignment horizontal="right" vertical="center"/>
    </xf>
    <xf numFmtId="0" fontId="4" fillId="0" borderId="0" xfId="0" applyFont="1">
      <alignment vertical="center"/>
    </xf>
    <xf numFmtId="0" fontId="5" fillId="0" borderId="0" xfId="0" applyFont="1" applyAlignment="1">
      <alignment horizontal="left" vertical="center"/>
    </xf>
    <xf numFmtId="0" fontId="5" fillId="0" borderId="0" xfId="0" applyFont="1" applyAlignment="1">
      <alignment horizontal="justify" vertical="center"/>
    </xf>
    <xf numFmtId="0" fontId="6" fillId="0" borderId="0" xfId="0" applyFont="1" applyAlignment="1">
      <alignment horizontal="left" vertical="center"/>
    </xf>
    <xf numFmtId="0" fontId="6" fillId="0" borderId="0" xfId="0" applyFont="1" applyAlignment="1">
      <alignment horizontal="center" vertical="center"/>
    </xf>
    <xf numFmtId="0" fontId="6" fillId="0" borderId="0" xfId="0" applyFont="1" applyAlignment="1">
      <alignment horizontal="right" vertical="center"/>
    </xf>
    <xf numFmtId="0" fontId="3" fillId="0" borderId="0" xfId="0" applyFont="1" applyAlignment="1">
      <alignment vertical="center" wrapText="1"/>
    </xf>
    <xf numFmtId="0" fontId="3" fillId="0" borderId="0" xfId="0" applyFont="1" applyAlignment="1">
      <alignment horizontal="left" vertical="center"/>
    </xf>
    <xf numFmtId="0" fontId="7" fillId="0" borderId="0" xfId="0" applyFont="1" applyAlignment="1">
      <alignment vertical="top" wrapText="1"/>
    </xf>
    <xf numFmtId="0" fontId="7" fillId="0" borderId="0" xfId="0" applyFont="1" applyAlignment="1">
      <alignment horizontal="left" vertical="center" indent="1"/>
    </xf>
    <xf numFmtId="0" fontId="7" fillId="0" borderId="0" xfId="0" applyFont="1" applyAlignment="1">
      <alignment horizontal="left" vertical="center"/>
    </xf>
    <xf numFmtId="0" fontId="3" fillId="0" borderId="0" xfId="0" applyFont="1" applyAlignment="1">
      <alignment horizontal="justify" vertical="center"/>
    </xf>
    <xf numFmtId="0" fontId="0" fillId="0" borderId="0" xfId="0" applyAlignment="1">
      <alignment horizontal="justify" vertical="center"/>
    </xf>
    <xf numFmtId="0" fontId="3" fillId="0" borderId="1" xfId="0" applyFont="1" applyBorder="1">
      <alignment vertical="center"/>
    </xf>
    <xf numFmtId="0" fontId="3" fillId="0" borderId="2" xfId="0" applyFont="1" applyBorder="1" applyAlignment="1">
      <alignment horizontal="right" vertical="center"/>
    </xf>
    <xf numFmtId="0" fontId="5" fillId="0" borderId="2" xfId="0" applyFont="1" applyBorder="1" applyAlignment="1">
      <alignment horizontal="justify" vertical="center"/>
    </xf>
    <xf numFmtId="0" fontId="3" fillId="0" borderId="2" xfId="0" applyFont="1" applyBorder="1">
      <alignment vertical="center"/>
    </xf>
    <xf numFmtId="0" fontId="5" fillId="0" borderId="2" xfId="0" applyFont="1" applyBorder="1" applyAlignment="1">
      <alignment horizontal="left" vertical="center"/>
    </xf>
    <xf numFmtId="0" fontId="6" fillId="0" borderId="2" xfId="0" applyFont="1" applyBorder="1" applyAlignment="1">
      <alignment horizontal="left" vertical="center"/>
    </xf>
    <xf numFmtId="0" fontId="2" fillId="0" borderId="2" xfId="0" applyFont="1" applyBorder="1">
      <alignment vertical="center"/>
    </xf>
    <xf numFmtId="0" fontId="6" fillId="0" borderId="2" xfId="0" applyFont="1" applyBorder="1" applyAlignment="1">
      <alignment horizontal="center" vertical="center"/>
    </xf>
    <xf numFmtId="0" fontId="6" fillId="0" borderId="2" xfId="0" applyFont="1" applyBorder="1" applyAlignment="1">
      <alignment horizontal="right" vertical="center"/>
    </xf>
    <xf numFmtId="0" fontId="2" fillId="0" borderId="3" xfId="0" applyFont="1" applyBorder="1">
      <alignment vertical="center"/>
    </xf>
    <xf numFmtId="0" fontId="5" fillId="0" borderId="4" xfId="0" applyFont="1" applyBorder="1" applyAlignment="1">
      <alignment horizontal="center" vertical="center"/>
    </xf>
    <xf numFmtId="0" fontId="5" fillId="0" borderId="0" xfId="0" applyFont="1" applyAlignment="1">
      <alignment horizontal="center" vertical="center"/>
    </xf>
    <xf numFmtId="0" fontId="6" fillId="0" borderId="0" xfId="0" applyFont="1" applyAlignment="1">
      <alignment horizontal="center" vertical="center" wrapText="1"/>
    </xf>
    <xf numFmtId="0" fontId="2" fillId="0" borderId="5" xfId="0" applyFont="1" applyBorder="1">
      <alignment vertical="center"/>
    </xf>
    <xf numFmtId="0" fontId="3" fillId="0" borderId="0" xfId="0" applyFont="1" applyAlignment="1">
      <alignment vertical="top" wrapText="1"/>
    </xf>
    <xf numFmtId="0" fontId="2" fillId="0" borderId="6" xfId="0" applyFont="1" applyBorder="1">
      <alignment vertical="center"/>
    </xf>
    <xf numFmtId="0" fontId="2" fillId="0" borderId="7" xfId="0" applyFont="1" applyBorder="1">
      <alignment vertical="center"/>
    </xf>
    <xf numFmtId="0" fontId="6" fillId="0" borderId="5" xfId="0" applyFont="1" applyBorder="1" applyAlignment="1">
      <alignment horizontal="left" vertical="center" wrapText="1"/>
    </xf>
    <xf numFmtId="0" fontId="3" fillId="0" borderId="5" xfId="0" applyFont="1" applyBorder="1">
      <alignment vertical="center"/>
    </xf>
    <xf numFmtId="0" fontId="5" fillId="0" borderId="0" xfId="0" applyFont="1" applyAlignment="1">
      <alignment horizontal="right" vertical="center"/>
    </xf>
    <xf numFmtId="0" fontId="5" fillId="0" borderId="5" xfId="0" applyFont="1" applyBorder="1" applyAlignment="1">
      <alignment horizontal="center" vertical="center"/>
    </xf>
    <xf numFmtId="0" fontId="5" fillId="0" borderId="0" xfId="0" applyFont="1" applyAlignment="1">
      <alignment horizontal="distributed" vertical="center"/>
    </xf>
    <xf numFmtId="0" fontId="3" fillId="0" borderId="12" xfId="0" applyFont="1" applyBorder="1">
      <alignment vertical="center"/>
    </xf>
    <xf numFmtId="0" fontId="3" fillId="0" borderId="13" xfId="0" applyFont="1" applyBorder="1">
      <alignment vertical="center"/>
    </xf>
    <xf numFmtId="0" fontId="3" fillId="0" borderId="14" xfId="0" applyFont="1" applyBorder="1">
      <alignment vertical="center"/>
    </xf>
    <xf numFmtId="49" fontId="3" fillId="0" borderId="5" xfId="1" applyNumberFormat="1" applyFont="1" applyBorder="1">
      <alignment vertical="center"/>
    </xf>
    <xf numFmtId="0" fontId="7" fillId="0" borderId="0" xfId="0" applyFont="1">
      <alignment vertical="center"/>
    </xf>
    <xf numFmtId="0" fontId="3" fillId="0" borderId="0" xfId="0" applyFont="1" applyAlignment="1" applyProtection="1">
      <alignment horizontal="right" vertical="center" shrinkToFit="1"/>
      <protection locked="0"/>
    </xf>
    <xf numFmtId="0" fontId="3" fillId="0" borderId="4" xfId="0" applyFont="1" applyBorder="1">
      <alignment vertical="center"/>
    </xf>
    <xf numFmtId="0" fontId="3" fillId="0" borderId="16" xfId="0" applyFont="1" applyBorder="1">
      <alignment vertical="center"/>
    </xf>
    <xf numFmtId="0" fontId="3" fillId="0" borderId="18" xfId="0" applyFont="1" applyBorder="1" applyAlignment="1">
      <alignment horizontal="right" vertical="center"/>
    </xf>
    <xf numFmtId="0" fontId="5" fillId="0" borderId="18" xfId="0" applyFont="1" applyBorder="1" applyAlignment="1">
      <alignment horizontal="right" vertical="center"/>
    </xf>
    <xf numFmtId="0" fontId="3" fillId="0" borderId="18" xfId="0" applyFont="1" applyBorder="1">
      <alignment vertical="center"/>
    </xf>
    <xf numFmtId="0" fontId="3" fillId="0" borderId="18" xfId="0" applyFont="1" applyBorder="1" applyAlignment="1">
      <alignment vertical="center" shrinkToFit="1"/>
    </xf>
    <xf numFmtId="0" fontId="5" fillId="0" borderId="18" xfId="0" applyFont="1" applyBorder="1" applyAlignment="1">
      <alignment horizontal="center" vertical="center"/>
    </xf>
    <xf numFmtId="0" fontId="2" fillId="0" borderId="18" xfId="0" applyFont="1" applyBorder="1">
      <alignment vertical="center"/>
    </xf>
    <xf numFmtId="0" fontId="2" fillId="0" borderId="17" xfId="0" applyFont="1" applyBorder="1">
      <alignment vertical="center"/>
    </xf>
    <xf numFmtId="0" fontId="3" fillId="0" borderId="19" xfId="0" applyFont="1" applyBorder="1">
      <alignment vertical="center"/>
    </xf>
    <xf numFmtId="0" fontId="3" fillId="0" borderId="0" xfId="0" applyFont="1" applyProtection="1">
      <alignment vertical="center"/>
      <protection locked="0"/>
    </xf>
    <xf numFmtId="0" fontId="3" fillId="0" borderId="0" xfId="0" applyFont="1" applyAlignment="1" applyProtection="1">
      <alignment horizontal="right" vertical="center"/>
      <protection locked="0"/>
    </xf>
    <xf numFmtId="0" fontId="2" fillId="0" borderId="0" xfId="0" applyFont="1" applyAlignment="1" applyProtection="1">
      <alignment horizontal="left" vertical="center"/>
      <protection locked="0"/>
    </xf>
    <xf numFmtId="0" fontId="2" fillId="0" borderId="0" xfId="0" applyFont="1" applyProtection="1">
      <alignment vertical="center"/>
      <protection locked="0"/>
    </xf>
    <xf numFmtId="0" fontId="7" fillId="0" borderId="0" xfId="0" applyFont="1" applyProtection="1">
      <alignment vertical="center"/>
      <protection locked="0"/>
    </xf>
    <xf numFmtId="0" fontId="4" fillId="0" borderId="0" xfId="0" applyFont="1" applyProtection="1">
      <alignment vertical="center"/>
      <protection locked="0"/>
    </xf>
    <xf numFmtId="0" fontId="3" fillId="0" borderId="0" xfId="0" applyFont="1">
      <alignment vertical="center"/>
    </xf>
    <xf numFmtId="0" fontId="3" fillId="0" borderId="0" xfId="0" applyFont="1" applyAlignment="1" applyProtection="1">
      <alignment vertical="center" shrinkToFit="1"/>
      <protection locked="0"/>
    </xf>
    <xf numFmtId="0" fontId="3" fillId="0" borderId="0" xfId="0" applyFont="1" applyAlignment="1">
      <alignment horizontal="center" vertical="center"/>
    </xf>
    <xf numFmtId="0" fontId="3" fillId="0" borderId="20" xfId="0" applyFont="1" applyBorder="1" applyAlignment="1" applyProtection="1">
      <alignment vertical="center" shrinkToFit="1"/>
      <protection locked="0"/>
    </xf>
    <xf numFmtId="0" fontId="3" fillId="0" borderId="15" xfId="0" applyFont="1" applyBorder="1">
      <alignment vertical="center"/>
    </xf>
    <xf numFmtId="49" fontId="3" fillId="0" borderId="15" xfId="0" applyNumberFormat="1" applyFont="1" applyBorder="1" applyProtection="1">
      <alignment vertical="center"/>
      <protection locked="0"/>
    </xf>
    <xf numFmtId="49" fontId="3" fillId="0" borderId="21" xfId="0" applyNumberFormat="1" applyFont="1" applyBorder="1" applyProtection="1">
      <alignment vertical="center"/>
      <protection locked="0"/>
    </xf>
    <xf numFmtId="0" fontId="7" fillId="0" borderId="1" xfId="0" applyFont="1" applyBorder="1" applyAlignment="1" applyProtection="1">
      <alignment horizontal="center" vertical="center" shrinkToFit="1"/>
      <protection locked="0"/>
    </xf>
    <xf numFmtId="0" fontId="7" fillId="0" borderId="4" xfId="0" applyFont="1" applyBorder="1" applyAlignment="1" applyProtection="1">
      <alignment horizontal="center" vertical="center" shrinkToFit="1"/>
      <protection locked="0"/>
    </xf>
    <xf numFmtId="0" fontId="7" fillId="0" borderId="16" xfId="0" applyFont="1" applyBorder="1" applyAlignment="1" applyProtection="1">
      <alignment horizontal="center" vertical="center" shrinkToFit="1"/>
      <protection locked="0"/>
    </xf>
    <xf numFmtId="0" fontId="7" fillId="0" borderId="3" xfId="0" applyFont="1" applyBorder="1" applyAlignment="1" applyProtection="1">
      <alignment horizontal="center" vertical="center" shrinkToFit="1"/>
      <protection locked="0"/>
    </xf>
    <xf numFmtId="0" fontId="7" fillId="0" borderId="5" xfId="0" applyFont="1" applyBorder="1" applyAlignment="1" applyProtection="1">
      <alignment horizontal="center" vertical="center" shrinkToFit="1"/>
      <protection locked="0"/>
    </xf>
    <xf numFmtId="0" fontId="7" fillId="0" borderId="17" xfId="0" applyFont="1" applyBorder="1" applyAlignment="1" applyProtection="1">
      <alignment horizontal="center" vertical="center" shrinkToFit="1"/>
      <protection locked="0"/>
    </xf>
    <xf numFmtId="0" fontId="7" fillId="0" borderId="1" xfId="0" applyFont="1" applyBorder="1" applyProtection="1">
      <alignment vertical="center"/>
      <protection locked="0"/>
    </xf>
    <xf numFmtId="0" fontId="7" fillId="0" borderId="4" xfId="0" applyFont="1" applyBorder="1" applyProtection="1">
      <alignment vertical="center"/>
      <protection locked="0"/>
    </xf>
    <xf numFmtId="0" fontId="7" fillId="0" borderId="16" xfId="0" applyFont="1" applyBorder="1" applyProtection="1">
      <alignment vertical="center"/>
      <protection locked="0"/>
    </xf>
    <xf numFmtId="0" fontId="7" fillId="0" borderId="3" xfId="0" applyFont="1" applyBorder="1" applyProtection="1">
      <alignment vertical="center"/>
      <protection locked="0"/>
    </xf>
    <xf numFmtId="0" fontId="7" fillId="0" borderId="5" xfId="0" applyFont="1" applyBorder="1" applyProtection="1">
      <alignment vertical="center"/>
      <protection locked="0"/>
    </xf>
    <xf numFmtId="0" fontId="7" fillId="0" borderId="17" xfId="0" applyFont="1" applyBorder="1" applyProtection="1">
      <alignment vertical="center"/>
      <protection locked="0"/>
    </xf>
    <xf numFmtId="49" fontId="7" fillId="0" borderId="10" xfId="0" applyNumberFormat="1" applyFont="1" applyBorder="1" applyAlignment="1" applyProtection="1">
      <alignment horizontal="center" vertical="center" shrinkToFit="1"/>
      <protection locked="0"/>
    </xf>
    <xf numFmtId="0" fontId="7" fillId="0" borderId="10" xfId="0" applyFont="1" applyBorder="1" applyAlignment="1">
      <alignment horizontal="center" vertical="center" wrapText="1"/>
    </xf>
    <xf numFmtId="0" fontId="7" fillId="0" borderId="2" xfId="0" applyFont="1" applyBorder="1" applyAlignment="1" applyProtection="1">
      <alignment horizontal="center" vertical="center" shrinkToFit="1"/>
      <protection locked="0"/>
    </xf>
    <xf numFmtId="0" fontId="7" fillId="0" borderId="0" xfId="0" applyFont="1" applyAlignment="1" applyProtection="1">
      <alignment horizontal="center" vertical="center" shrinkToFit="1"/>
      <protection locked="0"/>
    </xf>
    <xf numFmtId="0" fontId="7" fillId="0" borderId="18" xfId="0" applyFont="1" applyBorder="1" applyAlignment="1" applyProtection="1">
      <alignment horizontal="center" vertical="center" shrinkToFit="1"/>
      <protection locked="0"/>
    </xf>
    <xf numFmtId="0" fontId="6" fillId="0" borderId="7" xfId="0" applyFont="1" applyBorder="1" applyAlignment="1">
      <alignment horizontal="left" vertical="center" wrapText="1"/>
    </xf>
    <xf numFmtId="38" fontId="2" fillId="0" borderId="6" xfId="1" applyFont="1" applyBorder="1" applyAlignment="1" applyProtection="1">
      <alignment horizontal="right" vertical="center"/>
      <protection locked="0"/>
    </xf>
    <xf numFmtId="0" fontId="2" fillId="0" borderId="7" xfId="0" applyFont="1" applyBorder="1" applyProtection="1">
      <alignment vertical="center"/>
      <protection locked="0"/>
    </xf>
    <xf numFmtId="38" fontId="2" fillId="0" borderId="7" xfId="1" applyFont="1" applyBorder="1">
      <alignment vertical="center"/>
    </xf>
    <xf numFmtId="0" fontId="3" fillId="0" borderId="11" xfId="0" applyFont="1" applyBorder="1">
      <alignment vertical="center"/>
    </xf>
    <xf numFmtId="0" fontId="3" fillId="0" borderId="14" xfId="0" applyFont="1" applyBorder="1">
      <alignment vertical="center"/>
    </xf>
    <xf numFmtId="0" fontId="2" fillId="0" borderId="7" xfId="0" applyFont="1" applyBorder="1">
      <alignment vertical="center"/>
    </xf>
    <xf numFmtId="38" fontId="10" fillId="0" borderId="5" xfId="1" applyFont="1" applyBorder="1" applyAlignment="1">
      <alignment horizontal="right" vertical="center"/>
    </xf>
    <xf numFmtId="0" fontId="6" fillId="0" borderId="0" xfId="0" applyFont="1" applyAlignment="1">
      <alignment horizontal="left" vertical="center"/>
    </xf>
    <xf numFmtId="0" fontId="2" fillId="0" borderId="6" xfId="0" applyFont="1" applyBorder="1">
      <alignment vertical="center"/>
    </xf>
    <xf numFmtId="0" fontId="2" fillId="0" borderId="6" xfId="0" applyFont="1" applyBorder="1" applyProtection="1">
      <alignment vertical="center"/>
      <protection locked="0"/>
    </xf>
    <xf numFmtId="38" fontId="2" fillId="0" borderId="6" xfId="1" applyFont="1" applyBorder="1">
      <alignment vertical="center"/>
    </xf>
    <xf numFmtId="0" fontId="5" fillId="0" borderId="0" xfId="0" applyFont="1" applyAlignment="1">
      <alignment horizontal="left" vertical="center"/>
    </xf>
    <xf numFmtId="0" fontId="3" fillId="0" borderId="0" xfId="0" applyFont="1" applyAlignment="1" applyProtection="1">
      <alignment horizontal="center" vertical="center" shrinkToFit="1"/>
      <protection locked="0"/>
    </xf>
    <xf numFmtId="0" fontId="7" fillId="0" borderId="8" xfId="0" applyFont="1" applyBorder="1" applyAlignment="1">
      <alignment horizontal="center" vertical="center"/>
    </xf>
    <xf numFmtId="0" fontId="7" fillId="0" borderId="9" xfId="0" applyFont="1" applyBorder="1" applyAlignment="1">
      <alignment horizontal="center" vertical="center"/>
    </xf>
    <xf numFmtId="0" fontId="7" fillId="0" borderId="10" xfId="0" applyFont="1" applyBorder="1" applyAlignment="1" applyProtection="1">
      <alignment horizontal="center" vertical="center"/>
      <protection locked="0"/>
    </xf>
    <xf numFmtId="0" fontId="8" fillId="0" borderId="0" xfId="0" applyFont="1" applyAlignment="1">
      <alignment horizontal="center" vertical="center"/>
    </xf>
    <xf numFmtId="0" fontId="3" fillId="0" borderId="0" xfId="0" applyFont="1" applyAlignment="1">
      <alignment horizontal="right" vertical="center"/>
    </xf>
    <xf numFmtId="0" fontId="5" fillId="0" borderId="0" xfId="0" applyFont="1" applyAlignment="1">
      <alignment horizontal="justify" vertical="center"/>
    </xf>
    <xf numFmtId="0" fontId="5" fillId="0" borderId="0" xfId="0" applyFont="1" applyAlignment="1">
      <alignment horizontal="distributed" vertical="center"/>
    </xf>
    <xf numFmtId="0" fontId="5" fillId="0" borderId="0" xfId="0" applyFont="1" applyAlignment="1">
      <alignment horizontal="right" vertical="center"/>
    </xf>
    <xf numFmtId="0" fontId="5" fillId="0" borderId="5" xfId="0" applyFont="1" applyBorder="1" applyAlignment="1">
      <alignment horizontal="distributed" vertical="center"/>
    </xf>
    <xf numFmtId="0" fontId="3" fillId="0" borderId="5" xfId="0" applyFont="1" applyBorder="1" applyAlignment="1" applyProtection="1">
      <alignment vertical="center" shrinkToFit="1"/>
      <protection locked="0"/>
    </xf>
  </cellXfs>
  <cellStyles count="2">
    <cellStyle name="桁区切り" xfId="1" builtinId="6"/>
    <cellStyle name="標準" xfId="0" builtinId="0"/>
  </cellStyles>
  <dxfs count="8">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CCFF"/>
        </patternFill>
      </fill>
    </dxf>
    <dxf>
      <fill>
        <patternFill>
          <bgColor rgb="FFFFFF00"/>
        </patternFill>
      </fill>
    </dxf>
  </dxfs>
  <tableStyles count="0" defaultTableStyle="TableStyleMedium2" defaultPivotStyle="PivotStyleLight16"/>
  <colors>
    <mruColors>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lnDef>
      <a:spPr>
        <a:xfrm>
          <a:off x="0" y="0"/>
          <a:ext cx="0" cy="0"/>
        </a:xfrm>
        <a:custGeom>
          <a:avLst/>
          <a:gdLst/>
          <a:ahLst/>
          <a:cxnLst/>
          <a:rect l="l" t="t" r="r" b="b"/>
          <a:pathLst/>
        </a:custGeom>
      </a:spPr>
      <a:bodyPr vertOverflow="overflow" horzOverflow="overflow"/>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D60"/>
  <sheetViews>
    <sheetView showZeros="0" tabSelected="1" workbookViewId="0">
      <selection activeCell="B1" sqref="B1"/>
    </sheetView>
  </sheetViews>
  <sheetFormatPr defaultColWidth="3.59765625" defaultRowHeight="18" x14ac:dyDescent="0.45"/>
  <cols>
    <col min="1" max="1" width="0.8984375" customWidth="1"/>
    <col min="2" max="2" width="1.59765625" customWidth="1"/>
    <col min="3" max="25" width="3.3984375" customWidth="1"/>
    <col min="26" max="26" width="3.5" customWidth="1"/>
    <col min="27" max="27" width="2.09765625" customWidth="1"/>
    <col min="28" max="28" width="0.8984375" style="1" customWidth="1"/>
    <col min="30" max="30" width="3.59765625" style="2" hidden="1" customWidth="1"/>
  </cols>
  <sheetData>
    <row r="1" spans="1:30" x14ac:dyDescent="0.45">
      <c r="A1" s="6" t="s">
        <v>44</v>
      </c>
      <c r="B1" s="6"/>
    </row>
    <row r="2" spans="1:30" ht="9" customHeight="1" x14ac:dyDescent="0.45">
      <c r="A2" s="6"/>
      <c r="B2" s="6"/>
    </row>
    <row r="3" spans="1:30" x14ac:dyDescent="0.45">
      <c r="C3" s="103" t="s">
        <v>47</v>
      </c>
      <c r="D3" s="103"/>
      <c r="E3" s="103"/>
      <c r="F3" s="103"/>
      <c r="G3" s="103"/>
      <c r="H3" s="103"/>
      <c r="I3" s="103"/>
      <c r="J3" s="103"/>
      <c r="K3" s="103"/>
      <c r="L3" s="103"/>
      <c r="M3" s="103"/>
      <c r="N3" s="103"/>
      <c r="O3" s="103"/>
      <c r="P3" s="103"/>
      <c r="Q3" s="103"/>
      <c r="R3" s="103"/>
      <c r="S3" s="103"/>
      <c r="T3" s="103"/>
      <c r="U3" s="103"/>
      <c r="V3" s="103"/>
      <c r="W3" s="103"/>
      <c r="X3" s="103"/>
      <c r="Y3" s="103"/>
    </row>
    <row r="4" spans="1:30" s="3" customFormat="1" ht="14.4" x14ac:dyDescent="0.45">
      <c r="B4" s="18"/>
      <c r="C4" s="28"/>
      <c r="D4" s="28"/>
      <c r="E4" s="28"/>
      <c r="F4" s="28"/>
      <c r="G4" s="28"/>
      <c r="H4" s="28"/>
      <c r="I4" s="28"/>
      <c r="J4" s="28"/>
      <c r="K4" s="28"/>
      <c r="L4" s="28"/>
      <c r="M4" s="28"/>
      <c r="N4" s="28"/>
      <c r="O4" s="28"/>
      <c r="P4" s="28"/>
      <c r="Q4" s="28"/>
      <c r="R4" s="28"/>
      <c r="S4" s="28"/>
      <c r="T4" s="28"/>
      <c r="U4" s="28"/>
      <c r="V4" s="28"/>
      <c r="W4" s="28"/>
      <c r="X4" s="28"/>
      <c r="Y4" s="28"/>
      <c r="Z4" s="46"/>
      <c r="AA4" s="47"/>
      <c r="AD4" s="56"/>
    </row>
    <row r="5" spans="1:30" s="4" customFormat="1" ht="14.4" x14ac:dyDescent="0.45">
      <c r="B5" s="19"/>
      <c r="S5" s="104" t="s">
        <v>15</v>
      </c>
      <c r="T5" s="104"/>
      <c r="U5" s="45"/>
      <c r="V5" s="4" t="s">
        <v>6</v>
      </c>
      <c r="W5" s="45"/>
      <c r="X5" s="4" t="s">
        <v>14</v>
      </c>
      <c r="Y5" s="45"/>
      <c r="Z5" s="4" t="s">
        <v>3</v>
      </c>
      <c r="AA5" s="48"/>
      <c r="AD5" s="57"/>
    </row>
    <row r="6" spans="1:30" s="3" customFormat="1" ht="12" customHeight="1" x14ac:dyDescent="0.45">
      <c r="A6" s="7"/>
      <c r="B6" s="20"/>
      <c r="Z6" s="37"/>
      <c r="AA6" s="49"/>
      <c r="AD6" s="56"/>
    </row>
    <row r="7" spans="1:30" s="3" customFormat="1" ht="18.75" customHeight="1" x14ac:dyDescent="0.45">
      <c r="B7" s="21"/>
      <c r="C7" s="105" t="s">
        <v>48</v>
      </c>
      <c r="D7" s="105"/>
      <c r="E7" s="105"/>
      <c r="F7" s="105"/>
      <c r="G7" s="105"/>
      <c r="H7" s="105"/>
      <c r="AA7" s="50"/>
      <c r="AD7" s="56"/>
    </row>
    <row r="8" spans="1:30" s="3" customFormat="1" ht="12" customHeight="1" x14ac:dyDescent="0.45">
      <c r="A8" s="7"/>
      <c r="B8" s="20"/>
      <c r="AA8" s="50"/>
      <c r="AD8" s="56"/>
    </row>
    <row r="9" spans="1:30" s="3" customFormat="1" ht="18.75" customHeight="1" x14ac:dyDescent="0.45">
      <c r="B9" s="21"/>
      <c r="J9" s="39"/>
      <c r="K9" s="39"/>
      <c r="L9" s="39"/>
      <c r="M9" s="106" t="s">
        <v>50</v>
      </c>
      <c r="N9" s="106"/>
      <c r="O9" s="106"/>
      <c r="P9" s="63"/>
      <c r="Q9" s="63"/>
      <c r="R9" s="63"/>
      <c r="S9" s="63"/>
      <c r="T9" s="63"/>
      <c r="U9" s="63"/>
      <c r="V9" s="63"/>
      <c r="W9" s="63"/>
      <c r="X9" s="63"/>
      <c r="Y9" s="63"/>
      <c r="Z9" s="63"/>
      <c r="AA9" s="51"/>
      <c r="AD9" s="56"/>
    </row>
    <row r="10" spans="1:30" s="3" customFormat="1" ht="18.75" customHeight="1" x14ac:dyDescent="0.45">
      <c r="B10" s="21"/>
      <c r="I10" s="107" t="s">
        <v>52</v>
      </c>
      <c r="J10" s="107"/>
      <c r="K10" s="107"/>
      <c r="L10" s="107"/>
      <c r="M10" s="106" t="s">
        <v>51</v>
      </c>
      <c r="N10" s="106"/>
      <c r="O10" s="106"/>
      <c r="P10" s="63"/>
      <c r="Q10" s="63"/>
      <c r="R10" s="63"/>
      <c r="S10" s="63"/>
      <c r="T10" s="63"/>
      <c r="U10" s="63"/>
      <c r="V10" s="63"/>
      <c r="W10" s="63"/>
      <c r="X10" s="63"/>
      <c r="Y10" s="63"/>
      <c r="Z10" s="63"/>
      <c r="AA10" s="51"/>
      <c r="AD10" s="56" t="s">
        <v>39</v>
      </c>
    </row>
    <row r="11" spans="1:30" s="3" customFormat="1" ht="18.75" customHeight="1" x14ac:dyDescent="0.45">
      <c r="B11" s="21"/>
      <c r="J11" s="39"/>
      <c r="K11" s="39"/>
      <c r="L11" s="39"/>
      <c r="M11" s="108" t="s">
        <v>13</v>
      </c>
      <c r="N11" s="108"/>
      <c r="O11" s="108"/>
      <c r="P11" s="109"/>
      <c r="Q11" s="109"/>
      <c r="R11" s="109"/>
      <c r="S11" s="109"/>
      <c r="T11" s="109"/>
      <c r="U11" s="109"/>
      <c r="V11" s="109"/>
      <c r="W11" s="109"/>
      <c r="X11" s="109"/>
      <c r="Y11" s="109"/>
      <c r="Z11" s="109"/>
      <c r="AA11" s="51"/>
      <c r="AD11" s="56" t="s">
        <v>11</v>
      </c>
    </row>
    <row r="12" spans="1:30" s="3" customFormat="1" ht="15" customHeight="1" x14ac:dyDescent="0.45">
      <c r="A12" s="7"/>
      <c r="B12" s="20"/>
      <c r="AA12" s="50"/>
      <c r="AD12" s="56" t="s">
        <v>40</v>
      </c>
    </row>
    <row r="13" spans="1:30" s="3" customFormat="1" ht="14.4" x14ac:dyDescent="0.45">
      <c r="B13" s="21"/>
      <c r="C13" s="98" t="s">
        <v>70</v>
      </c>
      <c r="D13" s="98"/>
      <c r="E13" s="98"/>
      <c r="F13" s="98"/>
      <c r="G13" s="99"/>
      <c r="H13" s="99"/>
      <c r="I13" s="98" t="s">
        <v>46</v>
      </c>
      <c r="J13" s="98"/>
      <c r="K13" s="98"/>
      <c r="L13" s="98"/>
      <c r="M13" s="98"/>
      <c r="N13" s="98"/>
      <c r="O13" s="98"/>
      <c r="P13" s="98"/>
      <c r="Q13" s="98"/>
      <c r="R13" s="98"/>
      <c r="S13" s="98"/>
      <c r="T13" s="98"/>
      <c r="U13" s="98"/>
      <c r="V13" s="98"/>
      <c r="W13" s="98"/>
      <c r="X13" s="98"/>
      <c r="Y13" s="98"/>
      <c r="Z13" s="29"/>
      <c r="AA13" s="52"/>
      <c r="AD13" s="56"/>
    </row>
    <row r="14" spans="1:30" s="3" customFormat="1" ht="19.5" customHeight="1" x14ac:dyDescent="0.45">
      <c r="A14" s="6"/>
      <c r="B14" s="22"/>
      <c r="C14" s="62" t="s">
        <v>56</v>
      </c>
      <c r="D14" s="62"/>
      <c r="E14" s="62"/>
      <c r="F14" s="62"/>
      <c r="G14" s="62"/>
      <c r="H14" s="62"/>
      <c r="I14" s="62"/>
      <c r="J14" s="62"/>
      <c r="K14" s="62"/>
      <c r="L14" s="62"/>
      <c r="M14" s="62"/>
      <c r="N14" s="62"/>
      <c r="O14" s="62"/>
      <c r="P14" s="62"/>
      <c r="Q14" s="62"/>
      <c r="R14" s="62"/>
      <c r="S14" s="62"/>
      <c r="T14" s="62"/>
      <c r="U14" s="62"/>
      <c r="V14" s="62"/>
      <c r="W14" s="62"/>
      <c r="X14" s="62"/>
      <c r="Y14" s="62"/>
      <c r="AA14" s="50"/>
      <c r="AD14" s="56"/>
    </row>
    <row r="15" spans="1:30" s="3" customFormat="1" ht="17.100000000000001" customHeight="1" x14ac:dyDescent="0.45">
      <c r="A15" s="6"/>
      <c r="B15" s="22"/>
      <c r="H15" s="100" t="s">
        <v>31</v>
      </c>
      <c r="I15" s="100"/>
      <c r="J15" s="100"/>
      <c r="K15" s="100"/>
      <c r="L15" s="69"/>
      <c r="M15" s="70"/>
      <c r="N15" s="70"/>
      <c r="O15" s="70"/>
      <c r="P15" s="71"/>
      <c r="Q15" s="75"/>
      <c r="R15" s="76"/>
      <c r="S15" s="77"/>
      <c r="T15" s="69"/>
      <c r="U15" s="70"/>
      <c r="V15" s="70"/>
      <c r="W15" s="71"/>
      <c r="X15" s="75"/>
      <c r="Y15" s="76"/>
      <c r="Z15" s="77"/>
      <c r="AA15" s="50"/>
      <c r="AD15" s="58" t="s">
        <v>27</v>
      </c>
    </row>
    <row r="16" spans="1:30" s="3" customFormat="1" ht="17.100000000000001" customHeight="1" x14ac:dyDescent="0.45">
      <c r="A16" s="6"/>
      <c r="B16" s="22"/>
      <c r="H16" s="101" t="s">
        <v>49</v>
      </c>
      <c r="I16" s="101"/>
      <c r="J16" s="101"/>
      <c r="K16" s="101"/>
      <c r="L16" s="72"/>
      <c r="M16" s="73"/>
      <c r="N16" s="73"/>
      <c r="O16" s="73"/>
      <c r="P16" s="74"/>
      <c r="Q16" s="78"/>
      <c r="R16" s="79"/>
      <c r="S16" s="80"/>
      <c r="T16" s="72"/>
      <c r="U16" s="73"/>
      <c r="V16" s="73"/>
      <c r="W16" s="74"/>
      <c r="X16" s="78"/>
      <c r="Y16" s="79"/>
      <c r="Z16" s="80"/>
      <c r="AA16" s="50"/>
      <c r="AD16" s="58" t="s">
        <v>22</v>
      </c>
    </row>
    <row r="17" spans="1:30" s="3" customFormat="1" ht="17.100000000000001" customHeight="1" x14ac:dyDescent="0.45">
      <c r="A17" s="6"/>
      <c r="B17" s="22"/>
      <c r="H17" s="100" t="s">
        <v>57</v>
      </c>
      <c r="I17" s="100"/>
      <c r="J17" s="102" t="s">
        <v>35</v>
      </c>
      <c r="K17" s="102"/>
      <c r="L17" s="100" t="s">
        <v>17</v>
      </c>
      <c r="M17" s="100"/>
      <c r="N17" s="81"/>
      <c r="O17" s="81"/>
      <c r="P17" s="81"/>
      <c r="Q17" s="81"/>
      <c r="R17" s="82" t="s">
        <v>19</v>
      </c>
      <c r="S17" s="82"/>
      <c r="T17" s="83"/>
      <c r="U17" s="84"/>
      <c r="V17" s="84"/>
      <c r="W17" s="84"/>
      <c r="X17" s="84"/>
      <c r="Y17" s="84"/>
      <c r="Z17" s="85"/>
      <c r="AA17" s="50"/>
      <c r="AD17" s="58" t="s">
        <v>0</v>
      </c>
    </row>
    <row r="18" spans="1:30" s="3" customFormat="1" ht="17.100000000000001" customHeight="1" x14ac:dyDescent="0.45">
      <c r="A18" s="6"/>
      <c r="B18" s="22"/>
      <c r="H18" s="101" t="s">
        <v>32</v>
      </c>
      <c r="I18" s="101"/>
      <c r="J18" s="102"/>
      <c r="K18" s="102"/>
      <c r="L18" s="101" t="s">
        <v>20</v>
      </c>
      <c r="M18" s="101"/>
      <c r="N18" s="81"/>
      <c r="O18" s="81"/>
      <c r="P18" s="81"/>
      <c r="Q18" s="81"/>
      <c r="R18" s="82"/>
      <c r="S18" s="82"/>
      <c r="T18" s="72"/>
      <c r="U18" s="73"/>
      <c r="V18" s="73"/>
      <c r="W18" s="73"/>
      <c r="X18" s="73"/>
      <c r="Y18" s="73"/>
      <c r="Z18" s="74"/>
      <c r="AA18" s="50"/>
      <c r="AD18" s="59" t="s">
        <v>28</v>
      </c>
    </row>
    <row r="19" spans="1:30" s="3" customFormat="1" ht="19.5" customHeight="1" x14ac:dyDescent="0.45">
      <c r="A19" s="6"/>
      <c r="B19" s="22"/>
      <c r="AA19" s="50"/>
      <c r="AD19" s="59"/>
    </row>
    <row r="20" spans="1:30" s="3" customFormat="1" ht="19.5" customHeight="1" x14ac:dyDescent="0.45">
      <c r="A20" s="6"/>
      <c r="B20" s="22"/>
      <c r="G20" s="36"/>
      <c r="H20" s="36"/>
      <c r="I20" s="38" t="s">
        <v>18</v>
      </c>
      <c r="J20" s="36"/>
      <c r="K20" s="36"/>
      <c r="L20" s="36" t="s">
        <v>7</v>
      </c>
      <c r="M20" s="93">
        <f>SUM(V23:Y46)</f>
        <v>0</v>
      </c>
      <c r="N20" s="93"/>
      <c r="O20" s="93"/>
      <c r="P20" s="93"/>
      <c r="Q20" s="43" t="s">
        <v>21</v>
      </c>
      <c r="R20" s="43"/>
      <c r="S20" s="44"/>
      <c r="T20" s="44" t="s">
        <v>43</v>
      </c>
      <c r="U20" s="44"/>
      <c r="V20" s="44"/>
      <c r="W20" s="44"/>
      <c r="X20" s="44"/>
      <c r="Y20" s="44"/>
      <c r="AA20" s="50"/>
      <c r="AD20" s="56" t="s">
        <v>5</v>
      </c>
    </row>
    <row r="21" spans="1:30" s="3" customFormat="1" ht="19.5" customHeight="1" x14ac:dyDescent="0.45">
      <c r="A21" s="6"/>
      <c r="B21" s="22"/>
      <c r="C21" s="29"/>
      <c r="D21" s="29"/>
      <c r="E21" s="29"/>
      <c r="F21" s="29"/>
      <c r="G21" s="29"/>
      <c r="H21" s="29"/>
      <c r="I21" s="29"/>
      <c r="J21" s="29"/>
      <c r="K21" s="29"/>
      <c r="L21" s="29"/>
      <c r="M21" s="29"/>
      <c r="N21" s="29"/>
      <c r="O21" s="29"/>
      <c r="P21" s="29"/>
      <c r="Q21" s="29"/>
      <c r="R21" s="29"/>
      <c r="S21" s="29"/>
      <c r="T21" s="29"/>
      <c r="U21" s="29"/>
      <c r="V21" s="29"/>
      <c r="W21" s="29"/>
      <c r="X21" s="29"/>
      <c r="Y21" s="29"/>
      <c r="AA21" s="50"/>
      <c r="AD21" s="56" t="s">
        <v>10</v>
      </c>
    </row>
    <row r="22" spans="1:30" s="1" customFormat="1" ht="14.1" customHeight="1" x14ac:dyDescent="0.45">
      <c r="A22" s="8"/>
      <c r="B22" s="23"/>
      <c r="C22" s="94" t="s">
        <v>30</v>
      </c>
      <c r="D22" s="94"/>
      <c r="E22" s="94"/>
      <c r="F22" s="94"/>
      <c r="G22" s="94"/>
      <c r="H22" s="94"/>
      <c r="I22" s="94"/>
      <c r="J22" s="94"/>
      <c r="K22" s="94"/>
      <c r="L22" s="94"/>
      <c r="M22" s="94"/>
      <c r="N22" s="94"/>
      <c r="O22" s="94"/>
      <c r="P22" s="94"/>
      <c r="Q22" s="94"/>
      <c r="R22" s="94"/>
      <c r="S22" s="94"/>
      <c r="T22" s="94"/>
      <c r="U22" s="94"/>
      <c r="V22" s="94"/>
      <c r="W22" s="94"/>
      <c r="X22" s="94"/>
      <c r="Y22" s="94"/>
      <c r="AA22" s="53"/>
      <c r="AD22" s="56" t="s">
        <v>26</v>
      </c>
    </row>
    <row r="23" spans="1:30" s="1" customFormat="1" ht="14.1" customHeight="1" x14ac:dyDescent="0.45">
      <c r="A23" s="8"/>
      <c r="B23" s="23"/>
      <c r="D23" s="95" t="s">
        <v>16</v>
      </c>
      <c r="E23" s="95"/>
      <c r="F23" s="95"/>
      <c r="G23" s="95"/>
      <c r="H23" s="95"/>
      <c r="I23" s="95"/>
      <c r="J23" s="95"/>
      <c r="K23" s="95"/>
      <c r="L23" s="33" t="s">
        <v>59</v>
      </c>
      <c r="M23" s="87">
        <v>4185</v>
      </c>
      <c r="N23" s="87"/>
      <c r="O23" s="87"/>
      <c r="P23" s="33" t="s">
        <v>21</v>
      </c>
      <c r="Q23" s="33" t="s">
        <v>58</v>
      </c>
      <c r="R23" s="96"/>
      <c r="S23" s="96"/>
      <c r="T23" s="33" t="s">
        <v>25</v>
      </c>
      <c r="U23" s="33" t="s">
        <v>54</v>
      </c>
      <c r="V23" s="97">
        <f t="shared" ref="V23:V46" si="0">+M23*R23</f>
        <v>0</v>
      </c>
      <c r="W23" s="97"/>
      <c r="X23" s="97"/>
      <c r="Y23" s="97"/>
      <c r="Z23" s="33" t="s">
        <v>21</v>
      </c>
      <c r="AA23" s="53"/>
      <c r="AD23" s="56" t="s">
        <v>33</v>
      </c>
    </row>
    <row r="24" spans="1:30" s="1" customFormat="1" ht="14.1" customHeight="1" x14ac:dyDescent="0.45">
      <c r="A24" s="9"/>
      <c r="B24" s="25"/>
      <c r="C24" s="30"/>
      <c r="D24" s="92" t="s">
        <v>41</v>
      </c>
      <c r="E24" s="92"/>
      <c r="F24" s="92"/>
      <c r="G24" s="92"/>
      <c r="H24" s="92"/>
      <c r="I24" s="92"/>
      <c r="J24" s="92"/>
      <c r="K24" s="92"/>
      <c r="L24" s="34" t="s">
        <v>59</v>
      </c>
      <c r="M24" s="87">
        <v>4185</v>
      </c>
      <c r="N24" s="87"/>
      <c r="O24" s="87"/>
      <c r="P24" s="34" t="s">
        <v>21</v>
      </c>
      <c r="Q24" s="34" t="s">
        <v>58</v>
      </c>
      <c r="R24" s="88"/>
      <c r="S24" s="88"/>
      <c r="T24" s="34" t="s">
        <v>25</v>
      </c>
      <c r="U24" s="34" t="s">
        <v>54</v>
      </c>
      <c r="V24" s="89">
        <f t="shared" si="0"/>
        <v>0</v>
      </c>
      <c r="W24" s="89"/>
      <c r="X24" s="89"/>
      <c r="Y24" s="89"/>
      <c r="Z24" s="34" t="s">
        <v>21</v>
      </c>
      <c r="AA24" s="53"/>
      <c r="AD24" s="56"/>
    </row>
    <row r="25" spans="1:30" s="1" customFormat="1" ht="14.1" customHeight="1" x14ac:dyDescent="0.45">
      <c r="A25" s="10"/>
      <c r="B25" s="26"/>
      <c r="C25" s="30"/>
      <c r="D25" s="92" t="s">
        <v>37</v>
      </c>
      <c r="E25" s="92"/>
      <c r="F25" s="92"/>
      <c r="G25" s="92"/>
      <c r="H25" s="92"/>
      <c r="I25" s="92"/>
      <c r="J25" s="92"/>
      <c r="K25" s="92"/>
      <c r="L25" s="34" t="s">
        <v>59</v>
      </c>
      <c r="M25" s="87">
        <v>3751</v>
      </c>
      <c r="N25" s="87"/>
      <c r="O25" s="87"/>
      <c r="P25" s="34" t="s">
        <v>21</v>
      </c>
      <c r="Q25" s="34" t="s">
        <v>58</v>
      </c>
      <c r="R25" s="88"/>
      <c r="S25" s="88"/>
      <c r="T25" s="34" t="s">
        <v>25</v>
      </c>
      <c r="U25" s="34" t="s">
        <v>54</v>
      </c>
      <c r="V25" s="89">
        <f t="shared" si="0"/>
        <v>0</v>
      </c>
      <c r="W25" s="89"/>
      <c r="X25" s="89"/>
      <c r="Y25" s="89"/>
      <c r="Z25" s="34" t="s">
        <v>21</v>
      </c>
      <c r="AA25" s="53"/>
      <c r="AD25" s="59" t="s">
        <v>35</v>
      </c>
    </row>
    <row r="26" spans="1:30" s="1" customFormat="1" ht="14.1" customHeight="1" x14ac:dyDescent="0.45">
      <c r="A26" s="8"/>
      <c r="B26" s="23"/>
      <c r="C26" s="30"/>
      <c r="D26" s="92" t="s">
        <v>12</v>
      </c>
      <c r="E26" s="92"/>
      <c r="F26" s="92"/>
      <c r="G26" s="92"/>
      <c r="H26" s="92"/>
      <c r="I26" s="92"/>
      <c r="J26" s="92"/>
      <c r="K26" s="92"/>
      <c r="L26" s="34" t="s">
        <v>59</v>
      </c>
      <c r="M26" s="87">
        <v>6006</v>
      </c>
      <c r="N26" s="87"/>
      <c r="O26" s="87"/>
      <c r="P26" s="34" t="s">
        <v>21</v>
      </c>
      <c r="Q26" s="34" t="s">
        <v>58</v>
      </c>
      <c r="R26" s="88"/>
      <c r="S26" s="88"/>
      <c r="T26" s="34" t="s">
        <v>25</v>
      </c>
      <c r="U26" s="34" t="s">
        <v>54</v>
      </c>
      <c r="V26" s="89">
        <f t="shared" si="0"/>
        <v>0</v>
      </c>
      <c r="W26" s="89"/>
      <c r="X26" s="89"/>
      <c r="Y26" s="89"/>
      <c r="Z26" s="34" t="s">
        <v>21</v>
      </c>
      <c r="AA26" s="53"/>
      <c r="AD26" s="60" t="s">
        <v>24</v>
      </c>
    </row>
    <row r="27" spans="1:30" s="1" customFormat="1" ht="14.1" customHeight="1" x14ac:dyDescent="0.45">
      <c r="B27" s="24"/>
      <c r="C27" s="30"/>
      <c r="D27" s="92" t="s">
        <v>2</v>
      </c>
      <c r="E27" s="92"/>
      <c r="F27" s="92"/>
      <c r="G27" s="92"/>
      <c r="H27" s="92"/>
      <c r="I27" s="92"/>
      <c r="J27" s="92"/>
      <c r="K27" s="92"/>
      <c r="L27" s="34" t="s">
        <v>59</v>
      </c>
      <c r="M27" s="87">
        <v>6006</v>
      </c>
      <c r="N27" s="87"/>
      <c r="O27" s="87"/>
      <c r="P27" s="34" t="s">
        <v>21</v>
      </c>
      <c r="Q27" s="34" t="s">
        <v>58</v>
      </c>
      <c r="R27" s="88"/>
      <c r="S27" s="88"/>
      <c r="T27" s="34" t="s">
        <v>25</v>
      </c>
      <c r="U27" s="34" t="s">
        <v>54</v>
      </c>
      <c r="V27" s="89">
        <f t="shared" si="0"/>
        <v>0</v>
      </c>
      <c r="W27" s="89"/>
      <c r="X27" s="89"/>
      <c r="Y27" s="89"/>
      <c r="Z27" s="34" t="s">
        <v>21</v>
      </c>
      <c r="AA27" s="53"/>
      <c r="AD27" s="59"/>
    </row>
    <row r="28" spans="1:30" s="1" customFormat="1" ht="14.1" customHeight="1" x14ac:dyDescent="0.45">
      <c r="B28" s="24"/>
      <c r="C28" s="30"/>
      <c r="D28" s="92" t="s">
        <v>55</v>
      </c>
      <c r="E28" s="92"/>
      <c r="F28" s="92"/>
      <c r="G28" s="92"/>
      <c r="H28" s="92"/>
      <c r="I28" s="92"/>
      <c r="J28" s="92"/>
      <c r="K28" s="92"/>
      <c r="L28" s="34" t="s">
        <v>59</v>
      </c>
      <c r="M28" s="87">
        <v>6006</v>
      </c>
      <c r="N28" s="87"/>
      <c r="O28" s="87"/>
      <c r="P28" s="34" t="s">
        <v>21</v>
      </c>
      <c r="Q28" s="34" t="s">
        <v>58</v>
      </c>
      <c r="R28" s="88"/>
      <c r="S28" s="88"/>
      <c r="T28" s="34" t="s">
        <v>25</v>
      </c>
      <c r="U28" s="34" t="s">
        <v>54</v>
      </c>
      <c r="V28" s="89">
        <f t="shared" si="0"/>
        <v>0</v>
      </c>
      <c r="W28" s="89"/>
      <c r="X28" s="89"/>
      <c r="Y28" s="89"/>
      <c r="Z28" s="34" t="s">
        <v>21</v>
      </c>
      <c r="AA28" s="53"/>
      <c r="AD28" s="59"/>
    </row>
    <row r="29" spans="1:30" s="1" customFormat="1" ht="14.1" customHeight="1" x14ac:dyDescent="0.45">
      <c r="B29" s="24"/>
      <c r="C29" s="30"/>
      <c r="D29" s="92" t="s">
        <v>45</v>
      </c>
      <c r="E29" s="92"/>
      <c r="F29" s="92"/>
      <c r="G29" s="92"/>
      <c r="H29" s="92"/>
      <c r="I29" s="92"/>
      <c r="J29" s="92"/>
      <c r="K29" s="92"/>
      <c r="L29" s="34" t="s">
        <v>59</v>
      </c>
      <c r="M29" s="87">
        <v>4576</v>
      </c>
      <c r="N29" s="87"/>
      <c r="O29" s="87"/>
      <c r="P29" s="34" t="s">
        <v>21</v>
      </c>
      <c r="Q29" s="34" t="s">
        <v>58</v>
      </c>
      <c r="R29" s="88"/>
      <c r="S29" s="88"/>
      <c r="T29" s="34" t="s">
        <v>25</v>
      </c>
      <c r="U29" s="34" t="s">
        <v>54</v>
      </c>
      <c r="V29" s="89">
        <f t="shared" si="0"/>
        <v>0</v>
      </c>
      <c r="W29" s="89"/>
      <c r="X29" s="89"/>
      <c r="Y29" s="89"/>
      <c r="Z29" s="34" t="s">
        <v>21</v>
      </c>
      <c r="AA29" s="53"/>
      <c r="AD29" s="59"/>
    </row>
    <row r="30" spans="1:30" s="1" customFormat="1" ht="14.1" customHeight="1" x14ac:dyDescent="0.45">
      <c r="B30" s="24"/>
      <c r="C30" s="30"/>
      <c r="D30" s="92" t="s">
        <v>4</v>
      </c>
      <c r="E30" s="92"/>
      <c r="F30" s="92"/>
      <c r="G30" s="92"/>
      <c r="H30" s="92"/>
      <c r="I30" s="92"/>
      <c r="J30" s="92"/>
      <c r="K30" s="92"/>
      <c r="L30" s="34" t="s">
        <v>59</v>
      </c>
      <c r="M30" s="87">
        <v>4576</v>
      </c>
      <c r="N30" s="87"/>
      <c r="O30" s="87"/>
      <c r="P30" s="34" t="s">
        <v>21</v>
      </c>
      <c r="Q30" s="34" t="s">
        <v>58</v>
      </c>
      <c r="R30" s="88"/>
      <c r="S30" s="88"/>
      <c r="T30" s="34" t="s">
        <v>25</v>
      </c>
      <c r="U30" s="34" t="s">
        <v>54</v>
      </c>
      <c r="V30" s="89">
        <f t="shared" si="0"/>
        <v>0</v>
      </c>
      <c r="W30" s="89"/>
      <c r="X30" s="89"/>
      <c r="Y30" s="89"/>
      <c r="Z30" s="34" t="s">
        <v>21</v>
      </c>
      <c r="AA30" s="53"/>
      <c r="AD30" s="59"/>
    </row>
    <row r="31" spans="1:30" s="1" customFormat="1" ht="14.1" customHeight="1" x14ac:dyDescent="0.45">
      <c r="B31" s="24"/>
      <c r="C31" s="30"/>
      <c r="D31" s="92" t="s">
        <v>53</v>
      </c>
      <c r="E31" s="92"/>
      <c r="F31" s="92"/>
      <c r="G31" s="92"/>
      <c r="H31" s="92"/>
      <c r="I31" s="92"/>
      <c r="J31" s="92"/>
      <c r="K31" s="92"/>
      <c r="L31" s="34" t="s">
        <v>59</v>
      </c>
      <c r="M31" s="87">
        <v>4576</v>
      </c>
      <c r="N31" s="87"/>
      <c r="O31" s="87"/>
      <c r="P31" s="34" t="s">
        <v>21</v>
      </c>
      <c r="Q31" s="34" t="s">
        <v>58</v>
      </c>
      <c r="R31" s="88"/>
      <c r="S31" s="88"/>
      <c r="T31" s="34" t="s">
        <v>25</v>
      </c>
      <c r="U31" s="34" t="s">
        <v>54</v>
      </c>
      <c r="V31" s="89">
        <f t="shared" si="0"/>
        <v>0</v>
      </c>
      <c r="W31" s="89"/>
      <c r="X31" s="89"/>
      <c r="Y31" s="89"/>
      <c r="Z31" s="34" t="s">
        <v>21</v>
      </c>
      <c r="AA31" s="53"/>
      <c r="AD31" s="59"/>
    </row>
    <row r="32" spans="1:30" s="1" customFormat="1" ht="14.1" customHeight="1" x14ac:dyDescent="0.45">
      <c r="B32" s="24"/>
      <c r="C32" s="30"/>
      <c r="D32" s="92" t="s">
        <v>60</v>
      </c>
      <c r="E32" s="92"/>
      <c r="F32" s="92"/>
      <c r="G32" s="92"/>
      <c r="H32" s="92"/>
      <c r="I32" s="92"/>
      <c r="J32" s="92"/>
      <c r="K32" s="92"/>
      <c r="L32" s="34" t="s">
        <v>59</v>
      </c>
      <c r="M32" s="87">
        <v>4791</v>
      </c>
      <c r="N32" s="87"/>
      <c r="O32" s="87"/>
      <c r="P32" s="34" t="s">
        <v>21</v>
      </c>
      <c r="Q32" s="34" t="s">
        <v>58</v>
      </c>
      <c r="R32" s="88"/>
      <c r="S32" s="88"/>
      <c r="T32" s="34" t="s">
        <v>25</v>
      </c>
      <c r="U32" s="34" t="s">
        <v>54</v>
      </c>
      <c r="V32" s="89">
        <f t="shared" si="0"/>
        <v>0</v>
      </c>
      <c r="W32" s="89"/>
      <c r="X32" s="89"/>
      <c r="Y32" s="89"/>
      <c r="Z32" s="34" t="s">
        <v>21</v>
      </c>
      <c r="AA32" s="53"/>
      <c r="AD32" s="59"/>
    </row>
    <row r="33" spans="1:30" s="1" customFormat="1" ht="14.1" customHeight="1" x14ac:dyDescent="0.45">
      <c r="B33" s="24"/>
      <c r="C33" s="30"/>
      <c r="D33" s="92" t="s">
        <v>42</v>
      </c>
      <c r="E33" s="92"/>
      <c r="F33" s="92"/>
      <c r="G33" s="92"/>
      <c r="H33" s="92"/>
      <c r="I33" s="92"/>
      <c r="J33" s="92"/>
      <c r="K33" s="92"/>
      <c r="L33" s="34" t="s">
        <v>59</v>
      </c>
      <c r="M33" s="87">
        <v>3751</v>
      </c>
      <c r="N33" s="87"/>
      <c r="O33" s="87"/>
      <c r="P33" s="34" t="s">
        <v>21</v>
      </c>
      <c r="Q33" s="34" t="s">
        <v>58</v>
      </c>
      <c r="R33" s="88"/>
      <c r="S33" s="88"/>
      <c r="T33" s="34" t="s">
        <v>25</v>
      </c>
      <c r="U33" s="34" t="s">
        <v>54</v>
      </c>
      <c r="V33" s="89">
        <f t="shared" si="0"/>
        <v>0</v>
      </c>
      <c r="W33" s="89"/>
      <c r="X33" s="89"/>
      <c r="Y33" s="89"/>
      <c r="Z33" s="34" t="s">
        <v>21</v>
      </c>
      <c r="AA33" s="53"/>
      <c r="AD33" s="59"/>
    </row>
    <row r="34" spans="1:30" s="1" customFormat="1" ht="14.1" customHeight="1" x14ac:dyDescent="0.45">
      <c r="B34" s="24"/>
      <c r="C34" s="30"/>
      <c r="D34" s="92" t="s">
        <v>9</v>
      </c>
      <c r="E34" s="92"/>
      <c r="F34" s="92"/>
      <c r="G34" s="92"/>
      <c r="H34" s="92"/>
      <c r="I34" s="92"/>
      <c r="J34" s="92"/>
      <c r="K34" s="92"/>
      <c r="L34" s="34" t="s">
        <v>59</v>
      </c>
      <c r="M34" s="87">
        <v>3751</v>
      </c>
      <c r="N34" s="87"/>
      <c r="O34" s="87"/>
      <c r="P34" s="34" t="s">
        <v>21</v>
      </c>
      <c r="Q34" s="34" t="s">
        <v>58</v>
      </c>
      <c r="R34" s="88"/>
      <c r="S34" s="88"/>
      <c r="T34" s="34" t="s">
        <v>25</v>
      </c>
      <c r="U34" s="34" t="s">
        <v>54</v>
      </c>
      <c r="V34" s="89">
        <f t="shared" si="0"/>
        <v>0</v>
      </c>
      <c r="W34" s="89"/>
      <c r="X34" s="89"/>
      <c r="Y34" s="89"/>
      <c r="Z34" s="34" t="s">
        <v>21</v>
      </c>
      <c r="AA34" s="53"/>
      <c r="AD34" s="59"/>
    </row>
    <row r="35" spans="1:30" s="1" customFormat="1" ht="14.1" customHeight="1" x14ac:dyDescent="0.45">
      <c r="B35" s="24"/>
      <c r="C35" s="30"/>
      <c r="D35" s="92" t="s">
        <v>1</v>
      </c>
      <c r="E35" s="92"/>
      <c r="F35" s="92"/>
      <c r="G35" s="92"/>
      <c r="H35" s="92"/>
      <c r="I35" s="92"/>
      <c r="J35" s="92"/>
      <c r="K35" s="92"/>
      <c r="L35" s="34" t="s">
        <v>59</v>
      </c>
      <c r="M35" s="87">
        <v>6006</v>
      </c>
      <c r="N35" s="87"/>
      <c r="O35" s="87"/>
      <c r="P35" s="34" t="s">
        <v>21</v>
      </c>
      <c r="Q35" s="34" t="s">
        <v>58</v>
      </c>
      <c r="R35" s="88"/>
      <c r="S35" s="88"/>
      <c r="T35" s="34" t="s">
        <v>25</v>
      </c>
      <c r="U35" s="34" t="s">
        <v>54</v>
      </c>
      <c r="V35" s="89">
        <f t="shared" si="0"/>
        <v>0</v>
      </c>
      <c r="W35" s="89"/>
      <c r="X35" s="89"/>
      <c r="Y35" s="89"/>
      <c r="Z35" s="34" t="s">
        <v>21</v>
      </c>
      <c r="AA35" s="53"/>
      <c r="AD35" s="59"/>
    </row>
    <row r="36" spans="1:30" s="1" customFormat="1" ht="14.1" customHeight="1" x14ac:dyDescent="0.45">
      <c r="B36" s="24"/>
      <c r="C36" s="30"/>
      <c r="D36" s="92" t="s">
        <v>23</v>
      </c>
      <c r="E36" s="92"/>
      <c r="F36" s="92"/>
      <c r="G36" s="92"/>
      <c r="H36" s="92"/>
      <c r="I36" s="92"/>
      <c r="J36" s="92"/>
      <c r="K36" s="92"/>
      <c r="L36" s="34" t="s">
        <v>59</v>
      </c>
      <c r="M36" s="87">
        <v>4185</v>
      </c>
      <c r="N36" s="87"/>
      <c r="O36" s="87"/>
      <c r="P36" s="34" t="s">
        <v>21</v>
      </c>
      <c r="Q36" s="34" t="s">
        <v>58</v>
      </c>
      <c r="R36" s="88"/>
      <c r="S36" s="88"/>
      <c r="T36" s="34" t="s">
        <v>25</v>
      </c>
      <c r="U36" s="34" t="s">
        <v>54</v>
      </c>
      <c r="V36" s="89">
        <f t="shared" si="0"/>
        <v>0</v>
      </c>
      <c r="W36" s="89"/>
      <c r="X36" s="89"/>
      <c r="Y36" s="89"/>
      <c r="Z36" s="34" t="s">
        <v>21</v>
      </c>
      <c r="AA36" s="53"/>
      <c r="AD36" s="59"/>
    </row>
    <row r="37" spans="1:30" s="1" customFormat="1" ht="14.1" customHeight="1" x14ac:dyDescent="0.45">
      <c r="B37" s="24"/>
      <c r="C37" s="30"/>
      <c r="D37" s="86" t="s">
        <v>61</v>
      </c>
      <c r="E37" s="86"/>
      <c r="F37" s="86"/>
      <c r="G37" s="86"/>
      <c r="H37" s="86"/>
      <c r="I37" s="86"/>
      <c r="J37" s="86"/>
      <c r="K37" s="86"/>
      <c r="L37" s="34" t="s">
        <v>59</v>
      </c>
      <c r="M37" s="87">
        <v>4185</v>
      </c>
      <c r="N37" s="87"/>
      <c r="O37" s="87"/>
      <c r="P37" s="34" t="s">
        <v>21</v>
      </c>
      <c r="Q37" s="34" t="s">
        <v>58</v>
      </c>
      <c r="R37" s="88"/>
      <c r="S37" s="88"/>
      <c r="T37" s="34" t="s">
        <v>25</v>
      </c>
      <c r="U37" s="34" t="s">
        <v>54</v>
      </c>
      <c r="V37" s="89">
        <f t="shared" si="0"/>
        <v>0</v>
      </c>
      <c r="W37" s="89"/>
      <c r="X37" s="89"/>
      <c r="Y37" s="89"/>
      <c r="Z37" s="34" t="s">
        <v>21</v>
      </c>
      <c r="AA37" s="53"/>
      <c r="AD37" s="59"/>
    </row>
    <row r="38" spans="1:30" s="1" customFormat="1" ht="14.1" customHeight="1" x14ac:dyDescent="0.45">
      <c r="B38" s="24"/>
      <c r="C38" s="30"/>
      <c r="D38" s="86" t="s">
        <v>67</v>
      </c>
      <c r="E38" s="86"/>
      <c r="F38" s="86"/>
      <c r="G38" s="86"/>
      <c r="H38" s="86"/>
      <c r="I38" s="86"/>
      <c r="J38" s="86"/>
      <c r="K38" s="86"/>
      <c r="L38" s="34" t="s">
        <v>59</v>
      </c>
      <c r="M38" s="87">
        <v>4185</v>
      </c>
      <c r="N38" s="87"/>
      <c r="O38" s="87"/>
      <c r="P38" s="34" t="s">
        <v>21</v>
      </c>
      <c r="Q38" s="34" t="s">
        <v>58</v>
      </c>
      <c r="R38" s="88"/>
      <c r="S38" s="88"/>
      <c r="T38" s="34" t="s">
        <v>25</v>
      </c>
      <c r="U38" s="34" t="s">
        <v>54</v>
      </c>
      <c r="V38" s="89">
        <f t="shared" si="0"/>
        <v>0</v>
      </c>
      <c r="W38" s="89"/>
      <c r="X38" s="89"/>
      <c r="Y38" s="89"/>
      <c r="Z38" s="34" t="s">
        <v>21</v>
      </c>
      <c r="AA38" s="53"/>
      <c r="AD38" s="59"/>
    </row>
    <row r="39" spans="1:30" s="1" customFormat="1" ht="14.1" customHeight="1" x14ac:dyDescent="0.45">
      <c r="B39" s="24"/>
      <c r="D39" s="86" t="s">
        <v>68</v>
      </c>
      <c r="E39" s="86"/>
      <c r="F39" s="86"/>
      <c r="G39" s="86"/>
      <c r="H39" s="86"/>
      <c r="I39" s="86"/>
      <c r="J39" s="86"/>
      <c r="K39" s="86"/>
      <c r="L39" s="34" t="s">
        <v>59</v>
      </c>
      <c r="M39" s="87">
        <v>4185</v>
      </c>
      <c r="N39" s="87"/>
      <c r="O39" s="87"/>
      <c r="P39" s="34" t="s">
        <v>21</v>
      </c>
      <c r="Q39" s="34" t="s">
        <v>58</v>
      </c>
      <c r="R39" s="88"/>
      <c r="S39" s="88"/>
      <c r="T39" s="34" t="s">
        <v>25</v>
      </c>
      <c r="U39" s="34" t="s">
        <v>54</v>
      </c>
      <c r="V39" s="89">
        <f t="shared" si="0"/>
        <v>0</v>
      </c>
      <c r="W39" s="89"/>
      <c r="X39" s="89"/>
      <c r="Y39" s="89"/>
      <c r="Z39" s="34" t="s">
        <v>21</v>
      </c>
      <c r="AA39" s="53"/>
      <c r="AD39" s="59"/>
    </row>
    <row r="40" spans="1:30" s="1" customFormat="1" ht="14.1" customHeight="1" x14ac:dyDescent="0.45">
      <c r="B40" s="24"/>
      <c r="D40" s="86" t="s">
        <v>62</v>
      </c>
      <c r="E40" s="86"/>
      <c r="F40" s="86"/>
      <c r="G40" s="86"/>
      <c r="H40" s="86"/>
      <c r="I40" s="86"/>
      <c r="J40" s="86"/>
      <c r="K40" s="86"/>
      <c r="L40" s="34" t="s">
        <v>59</v>
      </c>
      <c r="M40" s="87">
        <v>3751</v>
      </c>
      <c r="N40" s="87"/>
      <c r="O40" s="87"/>
      <c r="P40" s="34" t="s">
        <v>21</v>
      </c>
      <c r="Q40" s="34" t="s">
        <v>58</v>
      </c>
      <c r="R40" s="88"/>
      <c r="S40" s="88"/>
      <c r="T40" s="34" t="s">
        <v>25</v>
      </c>
      <c r="U40" s="34" t="s">
        <v>54</v>
      </c>
      <c r="V40" s="89">
        <f t="shared" si="0"/>
        <v>0</v>
      </c>
      <c r="W40" s="89"/>
      <c r="X40" s="89"/>
      <c r="Y40" s="89"/>
      <c r="Z40" s="34" t="s">
        <v>21</v>
      </c>
      <c r="AA40" s="53"/>
      <c r="AD40" s="59"/>
    </row>
    <row r="41" spans="1:30" s="1" customFormat="1" ht="14.1" customHeight="1" x14ac:dyDescent="0.45">
      <c r="B41" s="24"/>
      <c r="D41" s="86" t="s">
        <v>63</v>
      </c>
      <c r="E41" s="86"/>
      <c r="F41" s="86"/>
      <c r="G41" s="86"/>
      <c r="H41" s="86"/>
      <c r="I41" s="86"/>
      <c r="J41" s="86"/>
      <c r="K41" s="86"/>
      <c r="L41" s="34" t="s">
        <v>59</v>
      </c>
      <c r="M41" s="87">
        <v>6006</v>
      </c>
      <c r="N41" s="87"/>
      <c r="O41" s="87"/>
      <c r="P41" s="34" t="s">
        <v>21</v>
      </c>
      <c r="Q41" s="34" t="s">
        <v>58</v>
      </c>
      <c r="R41" s="88"/>
      <c r="S41" s="88"/>
      <c r="T41" s="34" t="s">
        <v>25</v>
      </c>
      <c r="U41" s="34" t="s">
        <v>54</v>
      </c>
      <c r="V41" s="89">
        <f t="shared" si="0"/>
        <v>0</v>
      </c>
      <c r="W41" s="89"/>
      <c r="X41" s="89"/>
      <c r="Y41" s="89"/>
      <c r="Z41" s="34" t="s">
        <v>21</v>
      </c>
      <c r="AA41" s="53"/>
      <c r="AD41" s="59"/>
    </row>
    <row r="42" spans="1:30" s="1" customFormat="1" ht="14.1" customHeight="1" x14ac:dyDescent="0.45">
      <c r="B42" s="24"/>
      <c r="D42" s="86" t="s">
        <v>34</v>
      </c>
      <c r="E42" s="86"/>
      <c r="F42" s="86"/>
      <c r="G42" s="86"/>
      <c r="H42" s="86"/>
      <c r="I42" s="86"/>
      <c r="J42" s="86"/>
      <c r="K42" s="86"/>
      <c r="L42" s="34" t="s">
        <v>59</v>
      </c>
      <c r="M42" s="87">
        <v>4791</v>
      </c>
      <c r="N42" s="87"/>
      <c r="O42" s="87"/>
      <c r="P42" s="34" t="s">
        <v>21</v>
      </c>
      <c r="Q42" s="34" t="s">
        <v>58</v>
      </c>
      <c r="R42" s="88"/>
      <c r="S42" s="88"/>
      <c r="T42" s="34" t="s">
        <v>25</v>
      </c>
      <c r="U42" s="34" t="s">
        <v>54</v>
      </c>
      <c r="V42" s="89">
        <f t="shared" si="0"/>
        <v>0</v>
      </c>
      <c r="W42" s="89"/>
      <c r="X42" s="89"/>
      <c r="Y42" s="89"/>
      <c r="Z42" s="34" t="s">
        <v>21</v>
      </c>
      <c r="AA42" s="53"/>
      <c r="AD42" s="59"/>
    </row>
    <row r="43" spans="1:30" s="1" customFormat="1" ht="14.1" customHeight="1" x14ac:dyDescent="0.45">
      <c r="B43" s="24"/>
      <c r="D43" s="86" t="s">
        <v>64</v>
      </c>
      <c r="E43" s="86"/>
      <c r="F43" s="86"/>
      <c r="G43" s="86"/>
      <c r="H43" s="86"/>
      <c r="I43" s="86"/>
      <c r="J43" s="86"/>
      <c r="K43" s="86"/>
      <c r="L43" s="34" t="s">
        <v>59</v>
      </c>
      <c r="M43" s="87">
        <v>4515</v>
      </c>
      <c r="N43" s="87"/>
      <c r="O43" s="87"/>
      <c r="P43" s="34" t="s">
        <v>21</v>
      </c>
      <c r="Q43" s="34" t="s">
        <v>58</v>
      </c>
      <c r="R43" s="88"/>
      <c r="S43" s="88"/>
      <c r="T43" s="34" t="s">
        <v>25</v>
      </c>
      <c r="U43" s="34" t="s">
        <v>54</v>
      </c>
      <c r="V43" s="89">
        <f t="shared" si="0"/>
        <v>0</v>
      </c>
      <c r="W43" s="89"/>
      <c r="X43" s="89"/>
      <c r="Y43" s="89"/>
      <c r="Z43" s="34" t="s">
        <v>21</v>
      </c>
      <c r="AA43" s="53"/>
      <c r="AD43" s="59"/>
    </row>
    <row r="44" spans="1:30" s="1" customFormat="1" ht="14.1" customHeight="1" x14ac:dyDescent="0.45">
      <c r="B44" s="24"/>
      <c r="D44" s="86" t="s">
        <v>65</v>
      </c>
      <c r="E44" s="86"/>
      <c r="F44" s="86"/>
      <c r="G44" s="86"/>
      <c r="H44" s="86"/>
      <c r="I44" s="86"/>
      <c r="J44" s="86"/>
      <c r="K44" s="86"/>
      <c r="L44" s="34" t="s">
        <v>59</v>
      </c>
      <c r="M44" s="87">
        <v>4515</v>
      </c>
      <c r="N44" s="87"/>
      <c r="O44" s="87"/>
      <c r="P44" s="34" t="s">
        <v>21</v>
      </c>
      <c r="Q44" s="34" t="s">
        <v>58</v>
      </c>
      <c r="R44" s="88"/>
      <c r="S44" s="88"/>
      <c r="T44" s="34" t="s">
        <v>25</v>
      </c>
      <c r="U44" s="34" t="s">
        <v>54</v>
      </c>
      <c r="V44" s="89">
        <f t="shared" si="0"/>
        <v>0</v>
      </c>
      <c r="W44" s="89"/>
      <c r="X44" s="89"/>
      <c r="Y44" s="89"/>
      <c r="Z44" s="34" t="s">
        <v>21</v>
      </c>
      <c r="AA44" s="53"/>
      <c r="AD44" s="59"/>
    </row>
    <row r="45" spans="1:30" s="1" customFormat="1" ht="14.1" customHeight="1" x14ac:dyDescent="0.45">
      <c r="B45" s="24"/>
      <c r="D45" s="86" t="s">
        <v>69</v>
      </c>
      <c r="E45" s="86"/>
      <c r="F45" s="86"/>
      <c r="G45" s="86"/>
      <c r="H45" s="86"/>
      <c r="I45" s="86"/>
      <c r="J45" s="86"/>
      <c r="K45" s="86"/>
      <c r="L45" s="34" t="s">
        <v>59</v>
      </c>
      <c r="M45" s="87">
        <v>3751</v>
      </c>
      <c r="N45" s="87"/>
      <c r="O45" s="87"/>
      <c r="P45" s="34" t="s">
        <v>21</v>
      </c>
      <c r="Q45" s="34" t="s">
        <v>58</v>
      </c>
      <c r="R45" s="88"/>
      <c r="S45" s="88"/>
      <c r="T45" s="34" t="s">
        <v>25</v>
      </c>
      <c r="U45" s="34" t="s">
        <v>54</v>
      </c>
      <c r="V45" s="89">
        <f t="shared" ref="V45" si="1">+M45*R45</f>
        <v>0</v>
      </c>
      <c r="W45" s="89"/>
      <c r="X45" s="89"/>
      <c r="Y45" s="89"/>
      <c r="Z45" s="34" t="s">
        <v>21</v>
      </c>
      <c r="AA45" s="53"/>
      <c r="AD45" s="59"/>
    </row>
    <row r="46" spans="1:30" s="1" customFormat="1" ht="14.1" customHeight="1" x14ac:dyDescent="0.45">
      <c r="B46" s="24"/>
      <c r="D46" s="86" t="s">
        <v>66</v>
      </c>
      <c r="E46" s="86"/>
      <c r="F46" s="86"/>
      <c r="G46" s="86"/>
      <c r="H46" s="86"/>
      <c r="I46" s="86"/>
      <c r="J46" s="86"/>
      <c r="K46" s="86"/>
      <c r="L46" s="34" t="s">
        <v>59</v>
      </c>
      <c r="M46" s="87">
        <v>3311</v>
      </c>
      <c r="N46" s="87"/>
      <c r="O46" s="87"/>
      <c r="P46" s="34" t="s">
        <v>21</v>
      </c>
      <c r="Q46" s="34" t="s">
        <v>58</v>
      </c>
      <c r="R46" s="88"/>
      <c r="S46" s="88"/>
      <c r="T46" s="34" t="s">
        <v>25</v>
      </c>
      <c r="U46" s="34" t="s">
        <v>54</v>
      </c>
      <c r="V46" s="89">
        <f t="shared" si="0"/>
        <v>0</v>
      </c>
      <c r="W46" s="89"/>
      <c r="X46" s="89"/>
      <c r="Y46" s="89"/>
      <c r="Z46" s="34" t="s">
        <v>21</v>
      </c>
      <c r="AA46" s="53"/>
      <c r="AD46" s="59"/>
    </row>
    <row r="47" spans="1:30" s="1" customFormat="1" ht="14.1" customHeight="1" x14ac:dyDescent="0.45">
      <c r="B47" s="27"/>
      <c r="C47" s="31"/>
      <c r="D47" s="35"/>
      <c r="E47" s="35"/>
      <c r="F47" s="35"/>
      <c r="G47" s="35"/>
      <c r="H47" s="35"/>
      <c r="I47" s="35"/>
      <c r="J47" s="35"/>
      <c r="K47" s="35"/>
      <c r="L47" s="31"/>
      <c r="M47" s="31"/>
      <c r="N47" s="31"/>
      <c r="O47" s="31"/>
      <c r="P47" s="31"/>
      <c r="Q47" s="31"/>
      <c r="R47" s="31"/>
      <c r="S47" s="31"/>
      <c r="T47" s="31"/>
      <c r="U47" s="31"/>
      <c r="V47" s="31"/>
      <c r="W47" s="31"/>
      <c r="X47" s="31"/>
      <c r="Y47" s="31"/>
      <c r="Z47" s="31"/>
      <c r="AA47" s="54"/>
      <c r="AD47" s="59"/>
    </row>
    <row r="48" spans="1:30" s="3" customFormat="1" ht="8.1" customHeight="1" x14ac:dyDescent="0.45">
      <c r="A48" s="11"/>
      <c r="B48" s="11"/>
      <c r="AD48" s="56"/>
    </row>
    <row r="49" spans="1:30" s="3" customFormat="1" ht="17.100000000000001" customHeight="1" x14ac:dyDescent="0.45">
      <c r="A49" s="6"/>
      <c r="B49" s="6"/>
      <c r="M49" s="90" t="s">
        <v>38</v>
      </c>
      <c r="N49" s="91"/>
      <c r="O49" s="91"/>
      <c r="P49" s="42"/>
      <c r="Q49" s="42"/>
      <c r="R49" s="42"/>
      <c r="S49" s="42"/>
      <c r="T49" s="42"/>
      <c r="U49" s="42"/>
      <c r="V49" s="42"/>
      <c r="W49" s="42"/>
      <c r="X49" s="42"/>
      <c r="Y49" s="42"/>
      <c r="Z49" s="42"/>
      <c r="AA49" s="55"/>
      <c r="AD49" s="56"/>
    </row>
    <row r="50" spans="1:30" s="3" customFormat="1" ht="17.100000000000001" customHeight="1" x14ac:dyDescent="0.45">
      <c r="M50" s="40"/>
      <c r="N50" s="62" t="s">
        <v>29</v>
      </c>
      <c r="O50" s="62"/>
      <c r="P50" s="62"/>
      <c r="Q50" s="63"/>
      <c r="R50" s="63"/>
      <c r="S50" s="63"/>
      <c r="T50" s="64" t="s">
        <v>13</v>
      </c>
      <c r="U50" s="64"/>
      <c r="V50" s="63"/>
      <c r="W50" s="63"/>
      <c r="X50" s="63"/>
      <c r="Y50" s="63"/>
      <c r="Z50" s="63"/>
      <c r="AA50" s="65"/>
      <c r="AD50" s="56"/>
    </row>
    <row r="51" spans="1:30" s="3" customFormat="1" ht="17.100000000000001" customHeight="1" x14ac:dyDescent="0.45">
      <c r="C51" s="32"/>
      <c r="D51" s="32"/>
      <c r="E51" s="32"/>
      <c r="F51" s="32"/>
      <c r="G51" s="32"/>
      <c r="H51" s="32"/>
      <c r="I51" s="32"/>
      <c r="J51" s="32"/>
      <c r="K51" s="32"/>
      <c r="M51" s="41"/>
      <c r="N51" s="66" t="s">
        <v>8</v>
      </c>
      <c r="O51" s="66"/>
      <c r="P51" s="66"/>
      <c r="Q51" s="67"/>
      <c r="R51" s="67"/>
      <c r="S51" s="67"/>
      <c r="T51" s="67"/>
      <c r="U51" s="67"/>
      <c r="V51" s="67"/>
      <c r="W51" s="67"/>
      <c r="X51" s="67"/>
      <c r="Y51" s="67"/>
      <c r="Z51" s="67"/>
      <c r="AA51" s="68"/>
      <c r="AD51" s="56"/>
    </row>
    <row r="52" spans="1:30" s="3" customFormat="1" ht="21.9" customHeight="1" x14ac:dyDescent="0.45">
      <c r="AD52" s="56"/>
    </row>
    <row r="53" spans="1:30" s="3" customFormat="1" ht="21.9" customHeight="1" x14ac:dyDescent="0.45">
      <c r="AD53" s="56"/>
    </row>
    <row r="54" spans="1:30" s="3" customFormat="1" ht="14.4" x14ac:dyDescent="0.45">
      <c r="A54" s="12"/>
      <c r="B54" s="12"/>
      <c r="AD54" s="56"/>
    </row>
    <row r="55" spans="1:30" ht="62.25" customHeight="1" x14ac:dyDescent="0.45">
      <c r="A55" s="13" t="s">
        <v>36</v>
      </c>
      <c r="B55" s="13"/>
    </row>
    <row r="56" spans="1:30" s="5" customFormat="1" x14ac:dyDescent="0.45">
      <c r="A56" s="14"/>
      <c r="B56" s="14"/>
      <c r="C56"/>
      <c r="D56"/>
      <c r="E56"/>
      <c r="F56"/>
      <c r="G56"/>
      <c r="H56"/>
      <c r="I56"/>
      <c r="J56"/>
      <c r="K56"/>
      <c r="L56"/>
      <c r="M56"/>
      <c r="N56"/>
      <c r="O56"/>
      <c r="P56"/>
      <c r="Q56"/>
      <c r="R56"/>
      <c r="S56"/>
      <c r="T56"/>
      <c r="U56"/>
      <c r="V56"/>
      <c r="W56"/>
      <c r="X56"/>
      <c r="Y56"/>
      <c r="AD56" s="61"/>
    </row>
    <row r="57" spans="1:30" s="5" customFormat="1" x14ac:dyDescent="0.45">
      <c r="A57" s="14"/>
      <c r="B57" s="14"/>
      <c r="C57"/>
      <c r="D57"/>
      <c r="E57"/>
      <c r="F57"/>
      <c r="G57"/>
      <c r="H57"/>
      <c r="I57"/>
      <c r="J57"/>
      <c r="K57"/>
      <c r="L57"/>
      <c r="M57"/>
      <c r="N57"/>
      <c r="O57"/>
      <c r="P57"/>
      <c r="Q57"/>
      <c r="R57"/>
      <c r="S57"/>
      <c r="T57"/>
      <c r="U57"/>
      <c r="V57"/>
      <c r="W57"/>
      <c r="X57"/>
      <c r="Y57"/>
      <c r="AB57" s="44"/>
      <c r="AD57" s="61"/>
    </row>
    <row r="58" spans="1:30" s="5" customFormat="1" x14ac:dyDescent="0.45">
      <c r="A58" s="15"/>
      <c r="B58" s="15"/>
      <c r="C58"/>
      <c r="D58"/>
      <c r="E58"/>
      <c r="F58"/>
      <c r="G58"/>
      <c r="H58"/>
      <c r="I58"/>
      <c r="J58"/>
      <c r="K58"/>
      <c r="L58"/>
      <c r="M58"/>
      <c r="N58"/>
      <c r="O58"/>
      <c r="P58"/>
      <c r="Q58"/>
      <c r="R58"/>
      <c r="S58"/>
      <c r="T58"/>
      <c r="U58"/>
      <c r="V58"/>
      <c r="W58"/>
      <c r="X58"/>
      <c r="Y58"/>
      <c r="AB58" s="44"/>
      <c r="AD58" s="61"/>
    </row>
    <row r="59" spans="1:30" x14ac:dyDescent="0.45">
      <c r="A59" s="16"/>
      <c r="B59" s="16"/>
    </row>
    <row r="60" spans="1:30" x14ac:dyDescent="0.45">
      <c r="A60" s="17"/>
      <c r="B60" s="17"/>
    </row>
  </sheetData>
  <mergeCells count="134">
    <mergeCell ref="C3:Y3"/>
    <mergeCell ref="S5:T5"/>
    <mergeCell ref="C7:H7"/>
    <mergeCell ref="M9:O9"/>
    <mergeCell ref="P9:Z9"/>
    <mergeCell ref="I10:L10"/>
    <mergeCell ref="M10:O10"/>
    <mergeCell ref="P10:Z10"/>
    <mergeCell ref="M11:O11"/>
    <mergeCell ref="P11:R11"/>
    <mergeCell ref="S11:Z11"/>
    <mergeCell ref="C13:F13"/>
    <mergeCell ref="G13:H13"/>
    <mergeCell ref="I13:Y13"/>
    <mergeCell ref="C14:Y14"/>
    <mergeCell ref="H15:K15"/>
    <mergeCell ref="H16:K16"/>
    <mergeCell ref="H17:I17"/>
    <mergeCell ref="L17:M17"/>
    <mergeCell ref="H18:I18"/>
    <mergeCell ref="L18:M18"/>
    <mergeCell ref="J17:K18"/>
    <mergeCell ref="D24:K24"/>
    <mergeCell ref="M24:O24"/>
    <mergeCell ref="R24:S24"/>
    <mergeCell ref="V24:Y24"/>
    <mergeCell ref="D25:K25"/>
    <mergeCell ref="M25:O25"/>
    <mergeCell ref="R25:S25"/>
    <mergeCell ref="V25:Y25"/>
    <mergeCell ref="D26:K26"/>
    <mergeCell ref="M26:O26"/>
    <mergeCell ref="R26:S26"/>
    <mergeCell ref="V26:Y26"/>
    <mergeCell ref="D27:K27"/>
    <mergeCell ref="M27:O27"/>
    <mergeCell ref="R27:S27"/>
    <mergeCell ref="V27:Y27"/>
    <mergeCell ref="D28:K28"/>
    <mergeCell ref="M28:O28"/>
    <mergeCell ref="R28:S28"/>
    <mergeCell ref="V28:Y28"/>
    <mergeCell ref="D29:K29"/>
    <mergeCell ref="M29:O29"/>
    <mergeCell ref="R29:S29"/>
    <mergeCell ref="V29:Y29"/>
    <mergeCell ref="D30:K30"/>
    <mergeCell ref="M30:O30"/>
    <mergeCell ref="R30:S30"/>
    <mergeCell ref="V30:Y30"/>
    <mergeCell ref="D31:K31"/>
    <mergeCell ref="M31:O31"/>
    <mergeCell ref="R31:S31"/>
    <mergeCell ref="V31:Y31"/>
    <mergeCell ref="D32:K32"/>
    <mergeCell ref="M32:O32"/>
    <mergeCell ref="R32:S32"/>
    <mergeCell ref="V32:Y32"/>
    <mergeCell ref="D33:K33"/>
    <mergeCell ref="M33:O33"/>
    <mergeCell ref="R33:S33"/>
    <mergeCell ref="V33:Y33"/>
    <mergeCell ref="D34:K34"/>
    <mergeCell ref="M34:O34"/>
    <mergeCell ref="R34:S34"/>
    <mergeCell ref="V34:Y34"/>
    <mergeCell ref="D35:K35"/>
    <mergeCell ref="M35:O35"/>
    <mergeCell ref="R35:S35"/>
    <mergeCell ref="V35:Y35"/>
    <mergeCell ref="D36:K36"/>
    <mergeCell ref="M36:O36"/>
    <mergeCell ref="R36:S36"/>
    <mergeCell ref="V36:Y36"/>
    <mergeCell ref="D37:K37"/>
    <mergeCell ref="M37:O37"/>
    <mergeCell ref="R37:S37"/>
    <mergeCell ref="V37:Y37"/>
    <mergeCell ref="D38:K38"/>
    <mergeCell ref="M38:O38"/>
    <mergeCell ref="R38:S38"/>
    <mergeCell ref="V38:Y38"/>
    <mergeCell ref="D39:K39"/>
    <mergeCell ref="M39:O39"/>
    <mergeCell ref="R39:S39"/>
    <mergeCell ref="V39:Y39"/>
    <mergeCell ref="D40:K40"/>
    <mergeCell ref="M40:O40"/>
    <mergeCell ref="R40:S40"/>
    <mergeCell ref="V40:Y40"/>
    <mergeCell ref="D41:K41"/>
    <mergeCell ref="M41:O41"/>
    <mergeCell ref="R41:S41"/>
    <mergeCell ref="V41:Y41"/>
    <mergeCell ref="D42:K42"/>
    <mergeCell ref="M42:O42"/>
    <mergeCell ref="R42:S42"/>
    <mergeCell ref="V42:Y42"/>
    <mergeCell ref="D43:K43"/>
    <mergeCell ref="M43:O43"/>
    <mergeCell ref="R43:S43"/>
    <mergeCell ref="V43:Y43"/>
    <mergeCell ref="D44:K44"/>
    <mergeCell ref="M44:O44"/>
    <mergeCell ref="R44:S44"/>
    <mergeCell ref="V44:Y44"/>
    <mergeCell ref="D46:K46"/>
    <mergeCell ref="M46:O46"/>
    <mergeCell ref="R46:S46"/>
    <mergeCell ref="V46:Y46"/>
    <mergeCell ref="M49:O49"/>
    <mergeCell ref="D45:K45"/>
    <mergeCell ref="M45:O45"/>
    <mergeCell ref="R45:S45"/>
    <mergeCell ref="V45:Y45"/>
    <mergeCell ref="N50:P50"/>
    <mergeCell ref="Q50:S50"/>
    <mergeCell ref="T50:U50"/>
    <mergeCell ref="V50:AA50"/>
    <mergeCell ref="N51:P51"/>
    <mergeCell ref="Q51:AA51"/>
    <mergeCell ref="L15:P16"/>
    <mergeCell ref="Q15:S16"/>
    <mergeCell ref="T15:W16"/>
    <mergeCell ref="X15:Z16"/>
    <mergeCell ref="N17:Q18"/>
    <mergeCell ref="R17:S18"/>
    <mergeCell ref="T17:Z18"/>
    <mergeCell ref="M20:P20"/>
    <mergeCell ref="C22:Y22"/>
    <mergeCell ref="D23:K23"/>
    <mergeCell ref="M23:O23"/>
    <mergeCell ref="R23:S23"/>
    <mergeCell ref="V23:Y23"/>
  </mergeCells>
  <phoneticPr fontId="1"/>
  <conditionalFormatting sqref="G13">
    <cfRule type="containsBlanks" dxfId="7" priority="4">
      <formula>LEN(TRIM(G13))=0</formula>
    </cfRule>
    <cfRule type="containsBlanks" dxfId="6" priority="5">
      <formula>LEN(TRIM(G13))=0</formula>
    </cfRule>
    <cfRule type="cellIs" dxfId="5" priority="16" operator="equal">
      <formula>""</formula>
    </cfRule>
  </conditionalFormatting>
  <conditionalFormatting sqref="L15 T15 T17">
    <cfRule type="containsBlanks" dxfId="4" priority="2">
      <formula>LEN(TRIM(L15))=0</formula>
    </cfRule>
  </conditionalFormatting>
  <conditionalFormatting sqref="N17">
    <cfRule type="containsBlanks" dxfId="3" priority="1">
      <formula>LEN(TRIM(N17))=0</formula>
    </cfRule>
  </conditionalFormatting>
  <conditionalFormatting sqref="P9:Y11">
    <cfRule type="containsBlanks" dxfId="2" priority="6">
      <formula>LEN(TRIM(P9))=0</formula>
    </cfRule>
    <cfRule type="cellIs" dxfId="1" priority="13" operator="equal">
      <formula>""</formula>
    </cfRule>
  </conditionalFormatting>
  <conditionalFormatting sqref="V50 Q50:Q51">
    <cfRule type="containsBlanks" dxfId="0" priority="7">
      <formula>LEN(TRIM(Q50))=0</formula>
    </cfRule>
  </conditionalFormatting>
  <dataValidations count="4">
    <dataValidation type="list" allowBlank="1" showInputMessage="1" showErrorMessage="1" sqref="P11:R11" xr:uid="{00000000-0002-0000-0000-000000000000}">
      <formula1>$AD$10:$AD$13</formula1>
    </dataValidation>
    <dataValidation type="list" allowBlank="1" showInputMessage="1" showErrorMessage="1" sqref="Q15:S16" xr:uid="{00000000-0002-0000-0000-000001000000}">
      <formula1>$AD$15:$AD$19</formula1>
    </dataValidation>
    <dataValidation type="list" allowBlank="1" showInputMessage="1" showErrorMessage="1" sqref="J17:K18" xr:uid="{00000000-0002-0000-0000-000003000000}">
      <formula1>$AD$25:$AD$26</formula1>
    </dataValidation>
    <dataValidation type="list" allowBlank="1" showInputMessage="1" showErrorMessage="1" sqref="X15:Z16" xr:uid="{00000000-0002-0000-0000-000002000000}">
      <formula1>$AD$20:$AD$23</formula1>
    </dataValidation>
  </dataValidations>
  <pageMargins left="0.65" right="0.2" top="0.33" bottom="0.23" header="0.3" footer="0.2"/>
  <pageSetup paperSize="9" orientation="portrait" r:id="rId1"/>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鴨崎広喜</dc:creator>
  <cp:lastModifiedBy>森田致左</cp:lastModifiedBy>
  <cp:lastPrinted>2026-03-18T04:53:10Z</cp:lastPrinted>
  <dcterms:created xsi:type="dcterms:W3CDTF">2025-02-12T01:55:26Z</dcterms:created>
  <dcterms:modified xsi:type="dcterms:W3CDTF">2026-03-18T04:53:56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3.1.10.0</vt:lpwstr>
    </vt:vector>
  </property>
  <property fmtid="{DCFEDD21-7773-49B2-8022-6FC58DB5260B}" pid="3" name="LastSavedVersion">
    <vt:lpwstr>3.1.10.0</vt:lpwstr>
  </property>
  <property fmtid="{DCFEDD21-7773-49B2-8022-6FC58DB5260B}" pid="4" name="LastSavedDate">
    <vt:filetime>2025-04-11T02:17:44Z</vt:filetime>
  </property>
</Properties>
</file>